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03_R8.02.09 共通【志変後志願者数】\00_【原稿】\"/>
    </mc:Choice>
  </mc:AlternateContent>
  <xr:revisionPtr revIDLastSave="0" documentId="8_{AD32C93C-DF62-42E2-A557-6DEC030484C6}" xr6:coauthVersionLast="47" xr6:coauthVersionMax="47" xr10:uidLastSave="{00000000-0000-0000-0000-000000000000}"/>
  <bookViews>
    <workbookView xWindow="-120" yWindow="-120" windowWidth="29040" windowHeight="15720" xr2:uid="{3B4C9505-86A4-47E8-AD4F-CBFDBE3657CD}"/>
  </bookViews>
  <sheets>
    <sheet name="普通科・クリエイティブ" sheetId="1" r:id="rId1"/>
    <sheet name="専門学科" sheetId="2" r:id="rId2"/>
    <sheet name="単位制" sheetId="3" r:id="rId3"/>
    <sheet name="定・通" sheetId="4" r:id="rId4"/>
    <sheet name="特別募集等" sheetId="5" r:id="rId5"/>
  </sheets>
  <externalReferences>
    <externalReference r:id="rId6"/>
  </externalReferences>
  <definedNames>
    <definedName name="_xlnm._FilterDatabase" localSheetId="1" hidden="1">[1]単位制!$C$3:$N$59</definedName>
    <definedName name="_xlnm._FilterDatabase" localSheetId="0" hidden="1">普通科・クリエイティブ!$C$5:$L$145</definedName>
    <definedName name="_xlnm.Print_Area" localSheetId="1">専門学科!$A$1:$L$205</definedName>
    <definedName name="_xlnm.Print_Area" localSheetId="2">単位制!$A$1:$L$195</definedName>
    <definedName name="_xlnm.Print_Area" localSheetId="3">定・通!$A$1:$M$118</definedName>
    <definedName name="_xlnm.Print_Area" localSheetId="4">特別募集等!$A$1:$J$145</definedName>
    <definedName name="_xlnm.Print_Area" localSheetId="0">普通科・クリエイティブ!$A$2:$L$162</definedName>
    <definedName name="_xlnm.Print_Titles" localSheetId="0">普通科・クリエイティブ!$6:$1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338" uniqueCount="430">
  <si>
    <t>令和８年度神奈川県公立高等学校入学者選抜一般募集共通選抜等志願変更締切時志願状況
（各学校別の志願変更締切時の志願状況等）</t>
    <rPh sb="0" eb="2">
      <t>レイワ</t>
    </rPh>
    <rPh sb="3" eb="5">
      <t>ネンド</t>
    </rPh>
    <rPh sb="5" eb="9">
      <t>カナガワケン</t>
    </rPh>
    <rPh sb="9" eb="11">
      <t>コウリツ</t>
    </rPh>
    <rPh sb="11" eb="13">
      <t>コウトウ</t>
    </rPh>
    <rPh sb="13" eb="15">
      <t>ガッコウ</t>
    </rPh>
    <rPh sb="15" eb="18">
      <t>ニュウガクシャ</t>
    </rPh>
    <rPh sb="18" eb="20">
      <t>センバツ</t>
    </rPh>
    <rPh sb="35" eb="36">
      <t>ジ</t>
    </rPh>
    <rPh sb="36" eb="38">
      <t>シガン</t>
    </rPh>
    <rPh sb="53" eb="54">
      <t>ジ</t>
    </rPh>
    <phoneticPr fontId="3"/>
  </si>
  <si>
    <t>１　一般募集共通選抜志願変更締切時志願状況　（全日制の課程）</t>
    <rPh sb="2" eb="4">
      <t>イッパン</t>
    </rPh>
    <rPh sb="4" eb="6">
      <t>ボシュウ</t>
    </rPh>
    <rPh sb="6" eb="8">
      <t>キョウツウ</t>
    </rPh>
    <rPh sb="8" eb="10">
      <t>センバツ</t>
    </rPh>
    <rPh sb="10" eb="12">
      <t>シガン</t>
    </rPh>
    <rPh sb="12" eb="14">
      <t>ヘンコウ</t>
    </rPh>
    <rPh sb="14" eb="16">
      <t>シメキリ</t>
    </rPh>
    <rPh sb="16" eb="17">
      <t>ケイジ</t>
    </rPh>
    <rPh sb="17" eb="19">
      <t>シガン</t>
    </rPh>
    <rPh sb="19" eb="21">
      <t>ジョウキョウ</t>
    </rPh>
    <rPh sb="23" eb="26">
      <t>ゼンニチセイ</t>
    </rPh>
    <rPh sb="27" eb="29">
      <t>カテイ</t>
    </rPh>
    <phoneticPr fontId="3"/>
  </si>
  <si>
    <t>普通科　（クリエイティブスクールを除く。）</t>
    <rPh sb="17" eb="18">
      <t>ノゾ</t>
    </rPh>
    <phoneticPr fontId="3"/>
  </si>
  <si>
    <t>地</t>
    <rPh sb="0" eb="1">
      <t>チ</t>
    </rPh>
    <phoneticPr fontId="3"/>
  </si>
  <si>
    <t>１月30日</t>
    <rPh sb="1" eb="2">
      <t>ガツ</t>
    </rPh>
    <rPh sb="4" eb="5">
      <t>ニチ</t>
    </rPh>
    <phoneticPr fontId="3"/>
  </si>
  <si>
    <t>２月９日</t>
    <rPh sb="1" eb="2">
      <t>ガツ</t>
    </rPh>
    <rPh sb="3" eb="4">
      <t>ニチ</t>
    </rPh>
    <phoneticPr fontId="3"/>
  </si>
  <si>
    <t>前年度
競争率</t>
    <rPh sb="4" eb="7">
      <t>キョウソウリツ</t>
    </rPh>
    <phoneticPr fontId="3"/>
  </si>
  <si>
    <t xml:space="preserve"> 学 校 名</t>
    <rPh sb="1" eb="2">
      <t>ガク</t>
    </rPh>
    <rPh sb="3" eb="4">
      <t>コウ</t>
    </rPh>
    <rPh sb="5" eb="6">
      <t>メイ</t>
    </rPh>
    <phoneticPr fontId="3"/>
  </si>
  <si>
    <t>募集定員</t>
    <rPh sb="0" eb="2">
      <t>ボシュウ</t>
    </rPh>
    <rPh sb="2" eb="4">
      <t>テイイン</t>
    </rPh>
    <phoneticPr fontId="3"/>
  </si>
  <si>
    <t>志願者数</t>
    <rPh sb="0" eb="3">
      <t>シガンシャ</t>
    </rPh>
    <rPh sb="3" eb="4">
      <t>スウ</t>
    </rPh>
    <phoneticPr fontId="3"/>
  </si>
  <si>
    <t>（C－B)</t>
    <phoneticPr fontId="3"/>
  </si>
  <si>
    <t>競争率</t>
    <phoneticPr fontId="3"/>
  </si>
  <si>
    <t>区</t>
    <rPh sb="0" eb="1">
      <t>ク</t>
    </rPh>
    <phoneticPr fontId="3"/>
  </si>
  <si>
    <t>(A)</t>
    <phoneticPr fontId="3"/>
  </si>
  <si>
    <t>(B)</t>
    <phoneticPr fontId="3"/>
  </si>
  <si>
    <t>(C)</t>
    <phoneticPr fontId="3"/>
  </si>
  <si>
    <t>(C/A)</t>
    <phoneticPr fontId="3"/>
  </si>
  <si>
    <t>横浜北</t>
    <rPh sb="0" eb="2">
      <t>ヨコハマ</t>
    </rPh>
    <rPh sb="2" eb="3">
      <t>キタ</t>
    </rPh>
    <phoneticPr fontId="3"/>
  </si>
  <si>
    <t>県立鶴見</t>
    <rPh sb="0" eb="2">
      <t>ケンリツ</t>
    </rPh>
    <rPh sb="2" eb="4">
      <t>ツルミ</t>
    </rPh>
    <phoneticPr fontId="3"/>
  </si>
  <si>
    <t>県立横浜翠嵐</t>
    <rPh sb="0" eb="2">
      <t>ケンリツ</t>
    </rPh>
    <rPh sb="2" eb="4">
      <t>ヨコハマ</t>
    </rPh>
    <rPh sb="4" eb="5">
      <t>スイ</t>
    </rPh>
    <rPh sb="5" eb="6">
      <t>ラン</t>
    </rPh>
    <phoneticPr fontId="3"/>
  </si>
  <si>
    <t>県立城郷</t>
    <rPh sb="0" eb="2">
      <t>ケンリツ</t>
    </rPh>
    <rPh sb="2" eb="3">
      <t>シロ</t>
    </rPh>
    <rPh sb="3" eb="4">
      <t>サト</t>
    </rPh>
    <phoneticPr fontId="3"/>
  </si>
  <si>
    <t>県立港北</t>
    <rPh sb="0" eb="2">
      <t>ケンリツ</t>
    </rPh>
    <rPh sb="2" eb="4">
      <t>コウホク</t>
    </rPh>
    <phoneticPr fontId="3"/>
  </si>
  <si>
    <t>県立新羽</t>
    <rPh sb="0" eb="2">
      <t>ケンリツ</t>
    </rPh>
    <rPh sb="2" eb="4">
      <t>ニッパ</t>
    </rPh>
    <phoneticPr fontId="3"/>
  </si>
  <si>
    <t>県立岸根</t>
    <rPh sb="0" eb="2">
      <t>ケンリツ</t>
    </rPh>
    <rPh sb="2" eb="4">
      <t>キシネ</t>
    </rPh>
    <phoneticPr fontId="3"/>
  </si>
  <si>
    <t>県立霧が丘</t>
    <rPh sb="0" eb="2">
      <t>ケンリツ</t>
    </rPh>
    <rPh sb="2" eb="3">
      <t>キリ</t>
    </rPh>
    <rPh sb="4" eb="5">
      <t>オカ</t>
    </rPh>
    <phoneticPr fontId="3"/>
  </si>
  <si>
    <t>県立白山</t>
    <rPh sb="0" eb="2">
      <t>ケンリツ</t>
    </rPh>
    <rPh sb="2" eb="4">
      <t>ハクサン</t>
    </rPh>
    <phoneticPr fontId="3"/>
  </si>
  <si>
    <t>県立市ケ尾</t>
    <rPh sb="0" eb="2">
      <t>ケンリツ</t>
    </rPh>
    <rPh sb="2" eb="3">
      <t>シ</t>
    </rPh>
    <rPh sb="4" eb="5">
      <t>オ</t>
    </rPh>
    <phoneticPr fontId="3"/>
  </si>
  <si>
    <t>県立元石川</t>
    <rPh sb="0" eb="2">
      <t>ケンリツ</t>
    </rPh>
    <rPh sb="2" eb="3">
      <t>モト</t>
    </rPh>
    <rPh sb="3" eb="5">
      <t>イシカワ</t>
    </rPh>
    <phoneticPr fontId="3"/>
  </si>
  <si>
    <t>県立川和</t>
    <rPh sb="0" eb="2">
      <t>ケンリツ</t>
    </rPh>
    <rPh sb="2" eb="4">
      <t>カワワ</t>
    </rPh>
    <phoneticPr fontId="3"/>
  </si>
  <si>
    <t>県立荏田</t>
    <rPh sb="0" eb="2">
      <t>ケンリツ</t>
    </rPh>
    <rPh sb="2" eb="4">
      <t>エダ</t>
    </rPh>
    <phoneticPr fontId="3"/>
  </si>
  <si>
    <t>県立新栄</t>
    <rPh sb="0" eb="2">
      <t>ケンリツ</t>
    </rPh>
    <rPh sb="2" eb="4">
      <t>シンエイ</t>
    </rPh>
    <phoneticPr fontId="3"/>
  </si>
  <si>
    <t>横浜中</t>
    <rPh sb="0" eb="2">
      <t>ヨコハマ</t>
    </rPh>
    <rPh sb="2" eb="3">
      <t>ナカ</t>
    </rPh>
    <phoneticPr fontId="3"/>
  </si>
  <si>
    <t>県立希望ケ丘</t>
    <rPh sb="0" eb="2">
      <t>ケンリツ</t>
    </rPh>
    <rPh sb="2" eb="4">
      <t>キボウ</t>
    </rPh>
    <rPh sb="5" eb="6">
      <t>オカ</t>
    </rPh>
    <phoneticPr fontId="3"/>
  </si>
  <si>
    <t>県立二俣川</t>
    <rPh sb="0" eb="2">
      <t>ケンリツ</t>
    </rPh>
    <rPh sb="2" eb="5">
      <t>フタマタガワ</t>
    </rPh>
    <phoneticPr fontId="3"/>
  </si>
  <si>
    <t>県立旭</t>
    <rPh sb="0" eb="2">
      <t>ケンリツ</t>
    </rPh>
    <rPh sb="2" eb="3">
      <t>アサヒ</t>
    </rPh>
    <phoneticPr fontId="3"/>
  </si>
  <si>
    <t>県立松陽</t>
    <rPh sb="0" eb="2">
      <t>ケンリツ</t>
    </rPh>
    <rPh sb="2" eb="4">
      <t>ショウヨウ</t>
    </rPh>
    <phoneticPr fontId="3"/>
  </si>
  <si>
    <t>県立横浜瀬谷</t>
    <rPh sb="0" eb="2">
      <t>ケンリツ</t>
    </rPh>
    <rPh sb="2" eb="4">
      <t>ヨコハマ</t>
    </rPh>
    <rPh sb="4" eb="6">
      <t>セヤ</t>
    </rPh>
    <phoneticPr fontId="3"/>
  </si>
  <si>
    <t>県立横浜平沼</t>
    <rPh sb="0" eb="2">
      <t>ケンリツ</t>
    </rPh>
    <rPh sb="2" eb="4">
      <t>ヨコハマ</t>
    </rPh>
    <rPh sb="4" eb="6">
      <t>ヒラヌマ</t>
    </rPh>
    <phoneticPr fontId="3"/>
  </si>
  <si>
    <t>県立光陵</t>
    <rPh sb="0" eb="2">
      <t>ケンリツ</t>
    </rPh>
    <rPh sb="2" eb="3">
      <t>コウ</t>
    </rPh>
    <rPh sb="3" eb="4">
      <t>リョウ</t>
    </rPh>
    <phoneticPr fontId="3"/>
  </si>
  <si>
    <t>県立保土ケ谷</t>
    <rPh sb="0" eb="2">
      <t>ケンリツ</t>
    </rPh>
    <rPh sb="2" eb="6">
      <t>ホドガヤ</t>
    </rPh>
    <phoneticPr fontId="3"/>
  </si>
  <si>
    <t>県立舞岡</t>
    <rPh sb="0" eb="2">
      <t>ケンリツ</t>
    </rPh>
    <rPh sb="2" eb="4">
      <t>マイオカ</t>
    </rPh>
    <phoneticPr fontId="3"/>
  </si>
  <si>
    <t>県立上矢部</t>
    <rPh sb="0" eb="2">
      <t>ケンリツ</t>
    </rPh>
    <rPh sb="2" eb="5">
      <t>カミヤベ</t>
    </rPh>
    <phoneticPr fontId="3"/>
  </si>
  <si>
    <t>県立金井</t>
    <rPh sb="0" eb="2">
      <t>ケンリツ</t>
    </rPh>
    <rPh sb="2" eb="4">
      <t>カナイ</t>
    </rPh>
    <phoneticPr fontId="3"/>
  </si>
  <si>
    <t>横浜南</t>
    <rPh sb="0" eb="2">
      <t>ヨコハマ</t>
    </rPh>
    <rPh sb="2" eb="3">
      <t>ミナミ</t>
    </rPh>
    <phoneticPr fontId="3"/>
  </si>
  <si>
    <t>県立横浜南陵</t>
    <rPh sb="0" eb="2">
      <t>ケンリツ</t>
    </rPh>
    <rPh sb="2" eb="4">
      <t>ヨコハマ</t>
    </rPh>
    <rPh sb="4" eb="6">
      <t>ナンリョウ</t>
    </rPh>
    <phoneticPr fontId="3"/>
  </si>
  <si>
    <t>県立柏陽</t>
    <rPh sb="0" eb="2">
      <t>ケンリツ</t>
    </rPh>
    <rPh sb="2" eb="4">
      <t>ハクヨウ</t>
    </rPh>
    <phoneticPr fontId="3"/>
  </si>
  <si>
    <t>県立横浜緑ケ丘</t>
    <rPh sb="0" eb="2">
      <t>ケンリツ</t>
    </rPh>
    <rPh sb="2" eb="4">
      <t>ヨコハマ</t>
    </rPh>
    <rPh sb="4" eb="7">
      <t>ミドリガオカ</t>
    </rPh>
    <phoneticPr fontId="3"/>
  </si>
  <si>
    <t>県立横浜立野</t>
    <rPh sb="0" eb="2">
      <t>ケンリツ</t>
    </rPh>
    <rPh sb="2" eb="4">
      <t>ヨコハマ</t>
    </rPh>
    <rPh sb="4" eb="6">
      <t>タテノ</t>
    </rPh>
    <phoneticPr fontId="3"/>
  </si>
  <si>
    <t>県立横浜氷取沢</t>
    <rPh sb="0" eb="2">
      <t>ケンリツ</t>
    </rPh>
    <rPh sb="2" eb="4">
      <t>ヨコハマ</t>
    </rPh>
    <rPh sb="4" eb="7">
      <t>ヒトリザワ</t>
    </rPh>
    <phoneticPr fontId="3"/>
  </si>
  <si>
    <t>川崎</t>
    <rPh sb="0" eb="2">
      <t>カワサキ</t>
    </rPh>
    <phoneticPr fontId="3"/>
  </si>
  <si>
    <t>県立新城</t>
    <rPh sb="0" eb="2">
      <t>ケンリツ</t>
    </rPh>
    <rPh sb="2" eb="4">
      <t>シンジョウ</t>
    </rPh>
    <phoneticPr fontId="3"/>
  </si>
  <si>
    <t>県立住吉</t>
    <rPh sb="0" eb="2">
      <t>ケンリツ</t>
    </rPh>
    <rPh sb="2" eb="4">
      <t>スミヨシ</t>
    </rPh>
    <phoneticPr fontId="3"/>
  </si>
  <si>
    <t>県立川崎北</t>
    <rPh sb="0" eb="2">
      <t>ケンリツ</t>
    </rPh>
    <rPh sb="2" eb="4">
      <t>カワサキ</t>
    </rPh>
    <rPh sb="4" eb="5">
      <t>キタ</t>
    </rPh>
    <phoneticPr fontId="3"/>
  </si>
  <si>
    <t>県立多摩</t>
    <rPh sb="0" eb="2">
      <t>ケンリツ</t>
    </rPh>
    <rPh sb="2" eb="4">
      <t>タマ</t>
    </rPh>
    <phoneticPr fontId="3"/>
  </si>
  <si>
    <t>県立生田</t>
    <rPh sb="0" eb="2">
      <t>ケンリツ</t>
    </rPh>
    <rPh sb="2" eb="4">
      <t>イクタ</t>
    </rPh>
    <phoneticPr fontId="3"/>
  </si>
  <si>
    <t>県立百合丘</t>
    <rPh sb="0" eb="2">
      <t>ケンリツ</t>
    </rPh>
    <rPh sb="2" eb="4">
      <t>ユリ</t>
    </rPh>
    <rPh sb="4" eb="5">
      <t>オカ</t>
    </rPh>
    <phoneticPr fontId="3"/>
  </si>
  <si>
    <t>県立生田東</t>
    <rPh sb="0" eb="2">
      <t>ケンリツ</t>
    </rPh>
    <rPh sb="2" eb="4">
      <t>イクタ</t>
    </rPh>
    <rPh sb="4" eb="5">
      <t>ヒガシ</t>
    </rPh>
    <phoneticPr fontId="3"/>
  </si>
  <si>
    <t>県立菅</t>
    <rPh sb="0" eb="2">
      <t>ケンリツ</t>
    </rPh>
    <rPh sb="2" eb="3">
      <t>スゲ</t>
    </rPh>
    <phoneticPr fontId="3"/>
  </si>
  <si>
    <t>県立麻生</t>
    <rPh sb="0" eb="2">
      <t>ケンリツ</t>
    </rPh>
    <rPh sb="2" eb="4">
      <t>アサオ</t>
    </rPh>
    <phoneticPr fontId="3"/>
  </si>
  <si>
    <t>横須賀・三浦</t>
    <rPh sb="0" eb="3">
      <t>ヨコスカ</t>
    </rPh>
    <rPh sb="4" eb="6">
      <t>ミウラ</t>
    </rPh>
    <phoneticPr fontId="3"/>
  </si>
  <si>
    <t>県立横須賀</t>
    <rPh sb="0" eb="2">
      <t>ケンリツ</t>
    </rPh>
    <rPh sb="2" eb="5">
      <t>ヨコスカ</t>
    </rPh>
    <phoneticPr fontId="3"/>
  </si>
  <si>
    <t>県立横須賀大津</t>
    <rPh sb="0" eb="2">
      <t>ケンリツ</t>
    </rPh>
    <rPh sb="2" eb="5">
      <t>ヨコスカ</t>
    </rPh>
    <rPh sb="5" eb="7">
      <t>オオツ</t>
    </rPh>
    <phoneticPr fontId="3"/>
  </si>
  <si>
    <t>県立追浜</t>
    <rPh sb="0" eb="2">
      <t>ケンリツ</t>
    </rPh>
    <rPh sb="2" eb="4">
      <t>オッパマ</t>
    </rPh>
    <phoneticPr fontId="3"/>
  </si>
  <si>
    <t>県立津久井浜</t>
    <rPh sb="0" eb="2">
      <t>ケンリツ</t>
    </rPh>
    <rPh sb="2" eb="6">
      <t>ツクイハマ</t>
    </rPh>
    <phoneticPr fontId="3"/>
  </si>
  <si>
    <t>県立逗子葉山</t>
    <rPh sb="0" eb="2">
      <t>ケンリツ</t>
    </rPh>
    <rPh sb="2" eb="4">
      <t>ズシ</t>
    </rPh>
    <rPh sb="4" eb="6">
      <t>ハヤマ</t>
    </rPh>
    <phoneticPr fontId="12"/>
  </si>
  <si>
    <t>鎌倉・藤沢・茅ヶ崎</t>
    <rPh sb="0" eb="2">
      <t>カマクラ</t>
    </rPh>
    <rPh sb="3" eb="5">
      <t>フジサワ</t>
    </rPh>
    <rPh sb="6" eb="9">
      <t>チガサキ</t>
    </rPh>
    <phoneticPr fontId="3"/>
  </si>
  <si>
    <t>県立鎌倉</t>
    <rPh sb="0" eb="2">
      <t>ケンリツ</t>
    </rPh>
    <rPh sb="2" eb="4">
      <t>カマクラ</t>
    </rPh>
    <phoneticPr fontId="3"/>
  </si>
  <si>
    <t>県立七里ガ浜</t>
    <rPh sb="0" eb="2">
      <t>ケンリツ</t>
    </rPh>
    <rPh sb="2" eb="6">
      <t>シチリガハマ</t>
    </rPh>
    <phoneticPr fontId="3"/>
  </si>
  <si>
    <t>県立大船</t>
    <rPh sb="0" eb="2">
      <t>ケンリツ</t>
    </rPh>
    <rPh sb="2" eb="4">
      <t>オオフナ</t>
    </rPh>
    <phoneticPr fontId="3"/>
  </si>
  <si>
    <t>県立湘南</t>
    <rPh sb="0" eb="2">
      <t>ケンリツ</t>
    </rPh>
    <rPh sb="2" eb="4">
      <t>ショウナン</t>
    </rPh>
    <phoneticPr fontId="3"/>
  </si>
  <si>
    <t>県立藤沢西</t>
    <rPh sb="0" eb="2">
      <t>ケンリツ</t>
    </rPh>
    <rPh sb="2" eb="4">
      <t>フジサワ</t>
    </rPh>
    <rPh sb="4" eb="5">
      <t>ニシ</t>
    </rPh>
    <phoneticPr fontId="3"/>
  </si>
  <si>
    <t>県立湘南台</t>
    <rPh sb="0" eb="2">
      <t>ケンリツ</t>
    </rPh>
    <rPh sb="2" eb="5">
      <t>ショウナンダイ</t>
    </rPh>
    <phoneticPr fontId="3"/>
  </si>
  <si>
    <t>県立茅ケ崎</t>
    <rPh sb="0" eb="2">
      <t>ケンリツ</t>
    </rPh>
    <rPh sb="2" eb="5">
      <t>チガサキ</t>
    </rPh>
    <phoneticPr fontId="3"/>
  </si>
  <si>
    <t>県立茅ケ崎北陵</t>
    <rPh sb="0" eb="2">
      <t>ケンリツ</t>
    </rPh>
    <rPh sb="2" eb="5">
      <t>チガサキ</t>
    </rPh>
    <rPh sb="5" eb="6">
      <t>ホク</t>
    </rPh>
    <rPh sb="6" eb="7">
      <t>リョウ</t>
    </rPh>
    <phoneticPr fontId="3"/>
  </si>
  <si>
    <t>県立鶴嶺</t>
    <rPh sb="0" eb="2">
      <t>ケンリツ</t>
    </rPh>
    <rPh sb="2" eb="4">
      <t>ツルミネ</t>
    </rPh>
    <phoneticPr fontId="3"/>
  </si>
  <si>
    <t>県立茅ケ崎西浜</t>
    <rPh sb="0" eb="2">
      <t>ケンリツ</t>
    </rPh>
    <rPh sb="2" eb="5">
      <t>チガサキ</t>
    </rPh>
    <rPh sb="5" eb="7">
      <t>ニシハマ</t>
    </rPh>
    <phoneticPr fontId="3"/>
  </si>
  <si>
    <t>県立寒川</t>
    <rPh sb="0" eb="2">
      <t>ケンリツ</t>
    </rPh>
    <rPh sb="2" eb="4">
      <t>サムカワ</t>
    </rPh>
    <phoneticPr fontId="3"/>
  </si>
  <si>
    <t>平塚・秦野・伊勢原</t>
    <rPh sb="0" eb="2">
      <t>ヒラツカ</t>
    </rPh>
    <rPh sb="3" eb="5">
      <t>ハダノ</t>
    </rPh>
    <rPh sb="6" eb="9">
      <t>イセハラ</t>
    </rPh>
    <phoneticPr fontId="3"/>
  </si>
  <si>
    <t>県立平塚江南</t>
    <rPh sb="0" eb="2">
      <t>ケンリツ</t>
    </rPh>
    <rPh sb="2" eb="4">
      <t>ヒラツカ</t>
    </rPh>
    <rPh sb="4" eb="6">
      <t>コウナン</t>
    </rPh>
    <phoneticPr fontId="3"/>
  </si>
  <si>
    <t>県立高浜</t>
    <rPh sb="0" eb="2">
      <t>ケンリツ</t>
    </rPh>
    <rPh sb="2" eb="4">
      <t>タカハマ</t>
    </rPh>
    <phoneticPr fontId="3"/>
  </si>
  <si>
    <t>県立大磯</t>
    <rPh sb="0" eb="2">
      <t>ケンリツ</t>
    </rPh>
    <rPh sb="2" eb="4">
      <t>オオイソ</t>
    </rPh>
    <phoneticPr fontId="3"/>
  </si>
  <si>
    <t>県立二宮</t>
    <rPh sb="0" eb="2">
      <t>ケンリツ</t>
    </rPh>
    <rPh sb="2" eb="4">
      <t>ニノミヤ</t>
    </rPh>
    <phoneticPr fontId="3"/>
  </si>
  <si>
    <t>県立秦野</t>
    <rPh sb="0" eb="2">
      <t>ケンリツ</t>
    </rPh>
    <rPh sb="2" eb="4">
      <t>ハダノ</t>
    </rPh>
    <phoneticPr fontId="3"/>
  </si>
  <si>
    <t>県立秦野曽屋</t>
    <rPh sb="0" eb="2">
      <t>ケンリツ</t>
    </rPh>
    <rPh sb="2" eb="4">
      <t>ハダノ</t>
    </rPh>
    <rPh sb="4" eb="5">
      <t>ソ</t>
    </rPh>
    <rPh sb="5" eb="6">
      <t>ヤ</t>
    </rPh>
    <phoneticPr fontId="3"/>
  </si>
  <si>
    <t>県立伊勢原</t>
    <rPh sb="0" eb="2">
      <t>ケンリツ</t>
    </rPh>
    <rPh sb="2" eb="5">
      <t>イセハラ</t>
    </rPh>
    <phoneticPr fontId="3"/>
  </si>
  <si>
    <t>県立伊志田</t>
    <rPh sb="0" eb="2">
      <t>ケンリツ</t>
    </rPh>
    <rPh sb="2" eb="3">
      <t>イ</t>
    </rPh>
    <rPh sb="3" eb="4">
      <t>シ</t>
    </rPh>
    <rPh sb="4" eb="5">
      <t>タ</t>
    </rPh>
    <phoneticPr fontId="13"/>
  </si>
  <si>
    <t>県西</t>
    <rPh sb="0" eb="2">
      <t>ケンセイ</t>
    </rPh>
    <phoneticPr fontId="3"/>
  </si>
  <si>
    <t>県立小田原東</t>
    <rPh sb="0" eb="2">
      <t>ケンリツ</t>
    </rPh>
    <rPh sb="2" eb="5">
      <t>オダワラ</t>
    </rPh>
    <rPh sb="5" eb="6">
      <t>ヒガシ</t>
    </rPh>
    <phoneticPr fontId="12"/>
  </si>
  <si>
    <t>県立西湘</t>
    <rPh sb="0" eb="2">
      <t>ケンリツ</t>
    </rPh>
    <rPh sb="2" eb="4">
      <t>セイショウ</t>
    </rPh>
    <phoneticPr fontId="12"/>
  </si>
  <si>
    <t>県立足柄</t>
    <rPh sb="0" eb="2">
      <t>ケンリツ</t>
    </rPh>
    <rPh sb="2" eb="4">
      <t>アシガラ</t>
    </rPh>
    <phoneticPr fontId="12"/>
  </si>
  <si>
    <t>県立山北</t>
    <rPh sb="0" eb="2">
      <t>ケンリツ</t>
    </rPh>
    <rPh sb="2" eb="4">
      <t>ヤマキタ</t>
    </rPh>
    <phoneticPr fontId="12"/>
  </si>
  <si>
    <t>県央</t>
    <rPh sb="0" eb="2">
      <t>ケンオウ</t>
    </rPh>
    <phoneticPr fontId="3"/>
  </si>
  <si>
    <t>県立厚木</t>
    <rPh sb="0" eb="2">
      <t>ケンリツ</t>
    </rPh>
    <rPh sb="2" eb="4">
      <t>アツギ</t>
    </rPh>
    <phoneticPr fontId="3"/>
  </si>
  <si>
    <t>県立厚木王子</t>
    <rPh sb="0" eb="2">
      <t>ケンリツ</t>
    </rPh>
    <rPh sb="2" eb="4">
      <t>アツギ</t>
    </rPh>
    <rPh sb="4" eb="6">
      <t>オウジ</t>
    </rPh>
    <phoneticPr fontId="3"/>
  </si>
  <si>
    <t>県立厚木北</t>
    <rPh sb="0" eb="2">
      <t>ケンリツ</t>
    </rPh>
    <rPh sb="2" eb="4">
      <t>アツギ</t>
    </rPh>
    <rPh sb="4" eb="5">
      <t>キタ</t>
    </rPh>
    <phoneticPr fontId="3"/>
  </si>
  <si>
    <t>県立厚木西</t>
    <rPh sb="0" eb="2">
      <t>ケンリツ</t>
    </rPh>
    <rPh sb="2" eb="4">
      <t>アツギ</t>
    </rPh>
    <rPh sb="4" eb="5">
      <t>ニシ</t>
    </rPh>
    <phoneticPr fontId="3"/>
  </si>
  <si>
    <t>県立海老名</t>
    <rPh sb="0" eb="2">
      <t>ケンリツ</t>
    </rPh>
    <rPh sb="2" eb="5">
      <t>エビナ</t>
    </rPh>
    <phoneticPr fontId="3"/>
  </si>
  <si>
    <t>県立有馬</t>
    <rPh sb="0" eb="2">
      <t>ケンリツ</t>
    </rPh>
    <rPh sb="2" eb="4">
      <t>アリマ</t>
    </rPh>
    <phoneticPr fontId="3"/>
  </si>
  <si>
    <t>県立愛川</t>
    <rPh sb="0" eb="2">
      <t>ケンリツ</t>
    </rPh>
    <rPh sb="2" eb="3">
      <t>アイコウ</t>
    </rPh>
    <rPh sb="3" eb="4">
      <t>カワ</t>
    </rPh>
    <phoneticPr fontId="3"/>
  </si>
  <si>
    <t>県立大和</t>
    <rPh sb="0" eb="2">
      <t>ケンリツ</t>
    </rPh>
    <rPh sb="2" eb="4">
      <t>ヤマト</t>
    </rPh>
    <phoneticPr fontId="3"/>
  </si>
  <si>
    <t>県立大和南</t>
    <rPh sb="0" eb="2">
      <t>ケンリツ</t>
    </rPh>
    <rPh sb="2" eb="4">
      <t>ヤマト</t>
    </rPh>
    <rPh sb="4" eb="5">
      <t>ミナミ</t>
    </rPh>
    <phoneticPr fontId="3"/>
  </si>
  <si>
    <t>県立大和西</t>
    <rPh sb="0" eb="2">
      <t>ケンリツ</t>
    </rPh>
    <rPh sb="2" eb="4">
      <t>ヤマト</t>
    </rPh>
    <rPh sb="4" eb="5">
      <t>ニシ</t>
    </rPh>
    <phoneticPr fontId="3"/>
  </si>
  <si>
    <t>県立座間</t>
    <rPh sb="0" eb="2">
      <t>ケンリツ</t>
    </rPh>
    <rPh sb="2" eb="4">
      <t>ザマ</t>
    </rPh>
    <phoneticPr fontId="3"/>
  </si>
  <si>
    <t>県立綾瀬</t>
    <rPh sb="0" eb="2">
      <t>ケンリツ</t>
    </rPh>
    <rPh sb="2" eb="4">
      <t>アヤセ</t>
    </rPh>
    <phoneticPr fontId="3"/>
  </si>
  <si>
    <t>県立綾瀬西</t>
    <rPh sb="0" eb="2">
      <t>ケンリツ</t>
    </rPh>
    <rPh sb="2" eb="4">
      <t>アヤセ</t>
    </rPh>
    <rPh sb="4" eb="5">
      <t>ニシ</t>
    </rPh>
    <phoneticPr fontId="3"/>
  </si>
  <si>
    <t>相模原</t>
    <rPh sb="0" eb="3">
      <t>サガミハラ</t>
    </rPh>
    <phoneticPr fontId="3"/>
  </si>
  <si>
    <t>県立麻溝台</t>
    <rPh sb="0" eb="2">
      <t>ケンリツ</t>
    </rPh>
    <rPh sb="2" eb="5">
      <t>アサミゾダイ</t>
    </rPh>
    <phoneticPr fontId="3"/>
  </si>
  <si>
    <t>県立上鶴間</t>
    <rPh sb="0" eb="2">
      <t>ケンリツ</t>
    </rPh>
    <rPh sb="2" eb="5">
      <t>カミツルマ</t>
    </rPh>
    <phoneticPr fontId="3"/>
  </si>
  <si>
    <t>県立上溝</t>
    <rPh sb="0" eb="2">
      <t>ケンリツ</t>
    </rPh>
    <rPh sb="2" eb="4">
      <t>カミミゾ</t>
    </rPh>
    <phoneticPr fontId="3"/>
  </si>
  <si>
    <t>県立相模原</t>
    <rPh sb="0" eb="2">
      <t>ケンリツ</t>
    </rPh>
    <rPh sb="2" eb="5">
      <t>サガミハラ</t>
    </rPh>
    <phoneticPr fontId="3"/>
  </si>
  <si>
    <t>県立上溝南</t>
    <rPh sb="0" eb="2">
      <t>ケンリツ</t>
    </rPh>
    <rPh sb="2" eb="4">
      <t>カミミゾ</t>
    </rPh>
    <rPh sb="4" eb="5">
      <t>ミナミ</t>
    </rPh>
    <phoneticPr fontId="3"/>
  </si>
  <si>
    <t>県立橋本</t>
    <rPh sb="0" eb="2">
      <t>ケンリツ</t>
    </rPh>
    <rPh sb="2" eb="4">
      <t>ハシモト</t>
    </rPh>
    <phoneticPr fontId="3"/>
  </si>
  <si>
    <t>県立相模田名</t>
    <rPh sb="0" eb="2">
      <t>ケンリツ</t>
    </rPh>
    <rPh sb="2" eb="4">
      <t>サガミ</t>
    </rPh>
    <rPh sb="4" eb="6">
      <t>タナ</t>
    </rPh>
    <phoneticPr fontId="3"/>
  </si>
  <si>
    <t>県立津久井</t>
    <rPh sb="0" eb="2">
      <t>ケンリツ</t>
    </rPh>
    <rPh sb="2" eb="5">
      <t>ツクイ</t>
    </rPh>
    <phoneticPr fontId="3"/>
  </si>
  <si>
    <t>県　立　計</t>
    <phoneticPr fontId="3"/>
  </si>
  <si>
    <t>１月30日</t>
  </si>
  <si>
    <t>２月９日志願者数</t>
    <rPh sb="1" eb="2">
      <t>ガツ</t>
    </rPh>
    <rPh sb="3" eb="4">
      <t>ニチ</t>
    </rPh>
    <rPh sb="4" eb="7">
      <t>シガンシャ</t>
    </rPh>
    <rPh sb="7" eb="8">
      <t>スウ</t>
    </rPh>
    <phoneticPr fontId="3"/>
  </si>
  <si>
    <t>学区</t>
    <rPh sb="0" eb="2">
      <t>ガック</t>
    </rPh>
    <phoneticPr fontId="3"/>
  </si>
  <si>
    <t>計</t>
    <rPh sb="0" eb="1">
      <t>ケイ</t>
    </rPh>
    <phoneticPr fontId="3"/>
  </si>
  <si>
    <t>区</t>
    <phoneticPr fontId="3"/>
  </si>
  <si>
    <t>内</t>
    <rPh sb="0" eb="1">
      <t>ナイ</t>
    </rPh>
    <phoneticPr fontId="3"/>
  </si>
  <si>
    <t>外</t>
    <rPh sb="0" eb="1">
      <t>ガイ</t>
    </rPh>
    <phoneticPr fontId="3"/>
  </si>
  <si>
    <t>横浜市立</t>
    <phoneticPr fontId="3"/>
  </si>
  <si>
    <t>横浜市立桜丘</t>
    <rPh sb="0" eb="2">
      <t>ヨコハマ</t>
    </rPh>
    <rPh sb="2" eb="4">
      <t>イチリツ</t>
    </rPh>
    <rPh sb="4" eb="6">
      <t>サクラガオカ</t>
    </rPh>
    <phoneticPr fontId="3"/>
  </si>
  <si>
    <t>横浜市立金沢</t>
    <rPh sb="0" eb="4">
      <t>ヨコハマイチリツ</t>
    </rPh>
    <rPh sb="4" eb="6">
      <t>カナザワ</t>
    </rPh>
    <phoneticPr fontId="3"/>
  </si>
  <si>
    <t>小　　計</t>
    <rPh sb="0" eb="1">
      <t>ショウ</t>
    </rPh>
    <rPh sb="3" eb="4">
      <t>ケイ</t>
    </rPh>
    <phoneticPr fontId="3"/>
  </si>
  <si>
    <t>川崎市立</t>
    <rPh sb="0" eb="2">
      <t>カワサキ</t>
    </rPh>
    <rPh sb="2" eb="4">
      <t>イチリツ</t>
    </rPh>
    <phoneticPr fontId="3"/>
  </si>
  <si>
    <t>川崎市立橘</t>
    <rPh sb="0" eb="2">
      <t>カワサキ</t>
    </rPh>
    <rPh sb="2" eb="4">
      <t>シリツ</t>
    </rPh>
    <rPh sb="4" eb="5">
      <t>タチバナ</t>
    </rPh>
    <phoneticPr fontId="3"/>
  </si>
  <si>
    <t>川崎市立高津</t>
    <rPh sb="0" eb="2">
      <t>カワサキ</t>
    </rPh>
    <rPh sb="2" eb="4">
      <t>シリツ</t>
    </rPh>
    <rPh sb="4" eb="6">
      <t>タカツ</t>
    </rPh>
    <phoneticPr fontId="3"/>
  </si>
  <si>
    <t>川崎市立幸</t>
    <rPh sb="0" eb="2">
      <t>カワサキ</t>
    </rPh>
    <rPh sb="2" eb="4">
      <t>シリツ</t>
    </rPh>
    <rPh sb="4" eb="5">
      <t>ユキ</t>
    </rPh>
    <phoneticPr fontId="12"/>
  </si>
  <si>
    <t>市　立　計</t>
    <rPh sb="0" eb="1">
      <t>シ</t>
    </rPh>
    <phoneticPr fontId="3"/>
  </si>
  <si>
    <t>－</t>
    <phoneticPr fontId="3"/>
  </si>
  <si>
    <t>合　　計</t>
    <phoneticPr fontId="3"/>
  </si>
  <si>
    <t>普通科　クリエイティブスクール</t>
    <rPh sb="0" eb="3">
      <t>フツウカ</t>
    </rPh>
    <phoneticPr fontId="3"/>
  </si>
  <si>
    <t xml:space="preserve"> 県立釜利谷</t>
    <rPh sb="1" eb="3">
      <t>ケンリツ</t>
    </rPh>
    <rPh sb="3" eb="6">
      <t>カマリヤ</t>
    </rPh>
    <phoneticPr fontId="3"/>
  </si>
  <si>
    <t xml:space="preserve"> 県立横須賀南</t>
    <rPh sb="1" eb="3">
      <t>ケンリツ</t>
    </rPh>
    <rPh sb="3" eb="6">
      <t>ヨコスカ</t>
    </rPh>
    <rPh sb="6" eb="7">
      <t>ミナミ</t>
    </rPh>
    <phoneticPr fontId="3"/>
  </si>
  <si>
    <t xml:space="preserve"> 県立小田原北</t>
    <rPh sb="1" eb="3">
      <t>ケンリツ</t>
    </rPh>
    <rPh sb="3" eb="7">
      <t>オダワラキタ</t>
    </rPh>
    <phoneticPr fontId="3"/>
  </si>
  <si>
    <t xml:space="preserve"> 県立大和東</t>
    <rPh sb="1" eb="3">
      <t>ケンリツ</t>
    </rPh>
    <rPh sb="3" eb="5">
      <t>ヤマト</t>
    </rPh>
    <rPh sb="5" eb="6">
      <t>ヒガシ</t>
    </rPh>
    <phoneticPr fontId="3"/>
  </si>
  <si>
    <t>合　　計</t>
    <rPh sb="0" eb="4">
      <t>ゴウケイ</t>
    </rPh>
    <phoneticPr fontId="3"/>
  </si>
  <si>
    <t>※　県立小田原北高等学校の前年度競争率は、県立大井高等学校の前年度競争率です。</t>
    <phoneticPr fontId="3"/>
  </si>
  <si>
    <t>専門学科（農業に関する学科）</t>
    <rPh sb="5" eb="7">
      <t>ノウギョウ</t>
    </rPh>
    <rPh sb="8" eb="9">
      <t>カン</t>
    </rPh>
    <rPh sb="11" eb="13">
      <t>ガッカ</t>
    </rPh>
    <phoneticPr fontId="3"/>
  </si>
  <si>
    <t xml:space="preserve"> 学 科 名</t>
    <rPh sb="1" eb="2">
      <t>ガク</t>
    </rPh>
    <rPh sb="3" eb="4">
      <t>カ</t>
    </rPh>
    <rPh sb="5" eb="6">
      <t>メイ</t>
    </rPh>
    <phoneticPr fontId="3"/>
  </si>
  <si>
    <t>県立平塚農商</t>
    <rPh sb="0" eb="2">
      <t>ケンリツ</t>
    </rPh>
    <rPh sb="2" eb="4">
      <t>ヒラツカ</t>
    </rPh>
    <rPh sb="4" eb="5">
      <t>ノウ</t>
    </rPh>
    <rPh sb="5" eb="6">
      <t>ショウ</t>
    </rPh>
    <phoneticPr fontId="3"/>
  </si>
  <si>
    <t>都市農業科</t>
    <rPh sb="0" eb="2">
      <t>トシ</t>
    </rPh>
    <rPh sb="2" eb="4">
      <t>ノウギョウ</t>
    </rPh>
    <rPh sb="4" eb="5">
      <t>カ</t>
    </rPh>
    <phoneticPr fontId="12"/>
  </si>
  <si>
    <t>　　〃</t>
  </si>
  <si>
    <t>都市環境科</t>
    <rPh sb="0" eb="2">
      <t>トシ</t>
    </rPh>
    <rPh sb="2" eb="4">
      <t>カンキョウ</t>
    </rPh>
    <rPh sb="4" eb="5">
      <t>カ</t>
    </rPh>
    <phoneticPr fontId="3"/>
  </si>
  <si>
    <t>　　〃</t>
    <phoneticPr fontId="13"/>
  </si>
  <si>
    <t>食品科学科</t>
    <rPh sb="0" eb="2">
      <t>ショクヒン</t>
    </rPh>
    <rPh sb="2" eb="4">
      <t>カガク</t>
    </rPh>
    <rPh sb="3" eb="5">
      <t>ガッカ</t>
    </rPh>
    <phoneticPr fontId="12"/>
  </si>
  <si>
    <t>農業総合科</t>
    <rPh sb="0" eb="2">
      <t>ノウギョウ</t>
    </rPh>
    <rPh sb="2" eb="4">
      <t>ソウゴウ</t>
    </rPh>
    <rPh sb="4" eb="5">
      <t>カ</t>
    </rPh>
    <phoneticPr fontId="12"/>
  </si>
  <si>
    <t>　　計</t>
    <rPh sb="2" eb="3">
      <t>ケイ</t>
    </rPh>
    <phoneticPr fontId="12"/>
  </si>
  <si>
    <t>県立相原</t>
    <rPh sb="0" eb="2">
      <t>ケンリツ</t>
    </rPh>
    <rPh sb="2" eb="4">
      <t>アイハラ</t>
    </rPh>
    <phoneticPr fontId="3"/>
  </si>
  <si>
    <t>畜産科学科</t>
    <rPh sb="0" eb="2">
      <t>チクサンカ</t>
    </rPh>
    <rPh sb="2" eb="5">
      <t>カガクカ</t>
    </rPh>
    <phoneticPr fontId="12"/>
  </si>
  <si>
    <t>食品科学科</t>
    <rPh sb="0" eb="2">
      <t>ショクヒン</t>
    </rPh>
    <rPh sb="2" eb="5">
      <t>カガクカ</t>
    </rPh>
    <phoneticPr fontId="12"/>
  </si>
  <si>
    <t>環境緑地科</t>
    <rPh sb="0" eb="2">
      <t>カンキョウ</t>
    </rPh>
    <rPh sb="2" eb="4">
      <t>リョクチ</t>
    </rPh>
    <rPh sb="4" eb="5">
      <t>カ</t>
    </rPh>
    <phoneticPr fontId="12"/>
  </si>
  <si>
    <t>県立中央農業</t>
    <rPh sb="0" eb="2">
      <t>ケンリツ</t>
    </rPh>
    <rPh sb="2" eb="4">
      <t>チュウオウ</t>
    </rPh>
    <rPh sb="4" eb="6">
      <t>ノウギョウ</t>
    </rPh>
    <phoneticPr fontId="3"/>
  </si>
  <si>
    <t>園芸科学科</t>
    <rPh sb="0" eb="2">
      <t>エンゲイ</t>
    </rPh>
    <rPh sb="2" eb="5">
      <t>カガクカ</t>
    </rPh>
    <phoneticPr fontId="12"/>
  </si>
  <si>
    <t>専門学科（工業に関する学科）</t>
    <rPh sb="5" eb="6">
      <t>コウ</t>
    </rPh>
    <rPh sb="6" eb="7">
      <t>ノウギョウ</t>
    </rPh>
    <rPh sb="8" eb="9">
      <t>カン</t>
    </rPh>
    <rPh sb="11" eb="13">
      <t>ガッカ</t>
    </rPh>
    <phoneticPr fontId="3"/>
  </si>
  <si>
    <t>県立神奈川工業</t>
    <rPh sb="0" eb="2">
      <t>ケンリツ</t>
    </rPh>
    <rPh sb="2" eb="5">
      <t>カナガワ</t>
    </rPh>
    <rPh sb="5" eb="7">
      <t>コウギョウ</t>
    </rPh>
    <phoneticPr fontId="3"/>
  </si>
  <si>
    <t>機械科</t>
    <rPh sb="0" eb="3">
      <t>キカイカ</t>
    </rPh>
    <phoneticPr fontId="3"/>
  </si>
  <si>
    <t>建設科</t>
    <rPh sb="0" eb="3">
      <t>ケンセツカ</t>
    </rPh>
    <phoneticPr fontId="3"/>
  </si>
  <si>
    <t>電気科</t>
    <rPh sb="0" eb="3">
      <t>デンキカ</t>
    </rPh>
    <phoneticPr fontId="3"/>
  </si>
  <si>
    <t>デザイン科</t>
    <rPh sb="4" eb="5">
      <t>カ</t>
    </rPh>
    <phoneticPr fontId="3"/>
  </si>
  <si>
    <t>　　計</t>
    <rPh sb="2" eb="3">
      <t>ケイ</t>
    </rPh>
    <phoneticPr fontId="3"/>
  </si>
  <si>
    <t>県立商工</t>
    <rPh sb="0" eb="2">
      <t>ケンリツ</t>
    </rPh>
    <rPh sb="2" eb="4">
      <t>ショウコウ</t>
    </rPh>
    <phoneticPr fontId="3"/>
  </si>
  <si>
    <t>総合技術科</t>
    <rPh sb="0" eb="2">
      <t>ソウゴウ</t>
    </rPh>
    <rPh sb="2" eb="4">
      <t>ギジュツ</t>
    </rPh>
    <rPh sb="4" eb="5">
      <t>カ</t>
    </rPh>
    <phoneticPr fontId="3"/>
  </si>
  <si>
    <t>県立磯子工業</t>
    <rPh sb="0" eb="2">
      <t>ケンリツ</t>
    </rPh>
    <rPh sb="2" eb="4">
      <t>イソゴ</t>
    </rPh>
    <rPh sb="4" eb="6">
      <t>コウギョウ</t>
    </rPh>
    <phoneticPr fontId="3"/>
  </si>
  <si>
    <t>化学科</t>
    <rPh sb="0" eb="3">
      <t>カガクカ</t>
    </rPh>
    <phoneticPr fontId="3"/>
  </si>
  <si>
    <t>県立川崎工科</t>
    <rPh sb="0" eb="2">
      <t>ケンリツ</t>
    </rPh>
    <rPh sb="2" eb="4">
      <t>カワサキ</t>
    </rPh>
    <rPh sb="4" eb="6">
      <t>コウカ</t>
    </rPh>
    <phoneticPr fontId="3"/>
  </si>
  <si>
    <t>県立向の岡工業</t>
    <rPh sb="0" eb="2">
      <t>ケンリツ</t>
    </rPh>
    <rPh sb="2" eb="3">
      <t>ム</t>
    </rPh>
    <rPh sb="4" eb="5">
      <t>オカ</t>
    </rPh>
    <rPh sb="5" eb="7">
      <t>コウギョウ</t>
    </rPh>
    <phoneticPr fontId="3"/>
  </si>
  <si>
    <t>機械科</t>
    <rPh sb="0" eb="3">
      <t>キカイカ</t>
    </rPh>
    <phoneticPr fontId="12"/>
  </si>
  <si>
    <t>建設科</t>
    <rPh sb="0" eb="3">
      <t>ケンセツカ</t>
    </rPh>
    <phoneticPr fontId="12"/>
  </si>
  <si>
    <t>電気科</t>
    <rPh sb="0" eb="2">
      <t>デンキ</t>
    </rPh>
    <rPh sb="2" eb="3">
      <t>カ</t>
    </rPh>
    <phoneticPr fontId="12"/>
  </si>
  <si>
    <t>県立横須賀工業</t>
    <rPh sb="0" eb="2">
      <t>ケンリツ</t>
    </rPh>
    <rPh sb="2" eb="5">
      <t>ヨコスカ</t>
    </rPh>
    <rPh sb="5" eb="7">
      <t>コウギョウ</t>
    </rPh>
    <phoneticPr fontId="3"/>
  </si>
  <si>
    <t>建設科</t>
    <rPh sb="0" eb="2">
      <t>ケンセツ</t>
    </rPh>
    <rPh sb="2" eb="3">
      <t>カ</t>
    </rPh>
    <phoneticPr fontId="3"/>
  </si>
  <si>
    <t>県立平塚工科</t>
    <rPh sb="0" eb="2">
      <t>ケンリツ</t>
    </rPh>
    <rPh sb="2" eb="4">
      <t>ヒラツカ</t>
    </rPh>
    <rPh sb="4" eb="6">
      <t>コウカ</t>
    </rPh>
    <phoneticPr fontId="3"/>
  </si>
  <si>
    <t>県立藤沢工科</t>
    <rPh sb="0" eb="2">
      <t>ケンリツ</t>
    </rPh>
    <rPh sb="2" eb="4">
      <t>フジサワ</t>
    </rPh>
    <rPh sb="4" eb="6">
      <t>コウカ</t>
    </rPh>
    <phoneticPr fontId="3"/>
  </si>
  <si>
    <t>県立小田原北</t>
    <rPh sb="0" eb="2">
      <t>ケンリツ</t>
    </rPh>
    <rPh sb="2" eb="5">
      <t>オダワラ</t>
    </rPh>
    <rPh sb="5" eb="6">
      <t>キタ</t>
    </rPh>
    <phoneticPr fontId="3"/>
  </si>
  <si>
    <t>電気科</t>
    <rPh sb="0" eb="2">
      <t>デンキ</t>
    </rPh>
    <rPh sb="2" eb="3">
      <t>カ</t>
    </rPh>
    <phoneticPr fontId="3"/>
  </si>
  <si>
    <t>川崎市立川崎総合科学</t>
    <rPh sb="0" eb="2">
      <t>カワサキ</t>
    </rPh>
    <rPh sb="2" eb="4">
      <t>ヨコハマイチリツ</t>
    </rPh>
    <rPh sb="4" eb="6">
      <t>カワサキ</t>
    </rPh>
    <rPh sb="6" eb="8">
      <t>ソウゴウ</t>
    </rPh>
    <rPh sb="8" eb="10">
      <t>カガク</t>
    </rPh>
    <phoneticPr fontId="3"/>
  </si>
  <si>
    <t>情報工学科</t>
    <rPh sb="0" eb="2">
      <t>ジョウホウ</t>
    </rPh>
    <rPh sb="2" eb="5">
      <t>コウガクカ</t>
    </rPh>
    <phoneticPr fontId="3"/>
  </si>
  <si>
    <t>総合電気科</t>
    <rPh sb="0" eb="2">
      <t>ソウゴウ</t>
    </rPh>
    <rPh sb="2" eb="5">
      <t>デンキカ</t>
    </rPh>
    <phoneticPr fontId="3"/>
  </si>
  <si>
    <t>電子機械科</t>
    <rPh sb="0" eb="2">
      <t>デンシ</t>
    </rPh>
    <rPh sb="2" eb="5">
      <t>キカイカ</t>
    </rPh>
    <phoneticPr fontId="3"/>
  </si>
  <si>
    <t>建設工学科</t>
    <rPh sb="0" eb="2">
      <t>ケンセツ</t>
    </rPh>
    <rPh sb="2" eb="5">
      <t>コウガクカ</t>
    </rPh>
    <phoneticPr fontId="3"/>
  </si>
  <si>
    <t>※　県立小田原北高等学校（機械科、電気科、建設科及びデザイン科）の前年度競争率は、県立小田原城北工業高等学校（機械科、電気科、建設科及びデザイン科）の
　前年度競争率です。</t>
    <rPh sb="2" eb="4">
      <t>ケンリツ</t>
    </rPh>
    <rPh sb="4" eb="7">
      <t>オダワラ</t>
    </rPh>
    <rPh sb="7" eb="8">
      <t>キタ</t>
    </rPh>
    <rPh sb="8" eb="10">
      <t>コウトウ</t>
    </rPh>
    <rPh sb="10" eb="12">
      <t>ガッコウ</t>
    </rPh>
    <rPh sb="13" eb="15">
      <t>キカイ</t>
    </rPh>
    <rPh sb="15" eb="16">
      <t>カ</t>
    </rPh>
    <rPh sb="17" eb="19">
      <t>デンキ</t>
    </rPh>
    <rPh sb="19" eb="20">
      <t>カ</t>
    </rPh>
    <rPh sb="21" eb="23">
      <t>ケンセツ</t>
    </rPh>
    <rPh sb="23" eb="24">
      <t>カ</t>
    </rPh>
    <rPh sb="24" eb="25">
      <t>オヨ</t>
    </rPh>
    <rPh sb="30" eb="31">
      <t>カ</t>
    </rPh>
    <rPh sb="33" eb="39">
      <t>ゼンネンドキョウソウリツ</t>
    </rPh>
    <rPh sb="41" eb="43">
      <t>ケンリツ</t>
    </rPh>
    <rPh sb="43" eb="46">
      <t>オダワラ</t>
    </rPh>
    <rPh sb="46" eb="48">
      <t>ジョウホク</t>
    </rPh>
    <rPh sb="48" eb="50">
      <t>コウギョウ</t>
    </rPh>
    <rPh sb="50" eb="52">
      <t>コウトウ</t>
    </rPh>
    <rPh sb="52" eb="54">
      <t>ガッコウ</t>
    </rPh>
    <rPh sb="55" eb="57">
      <t>キカイ</t>
    </rPh>
    <rPh sb="57" eb="58">
      <t>カ</t>
    </rPh>
    <rPh sb="59" eb="61">
      <t>デンキ</t>
    </rPh>
    <rPh sb="61" eb="62">
      <t>カ</t>
    </rPh>
    <rPh sb="63" eb="65">
      <t>ケンセツ</t>
    </rPh>
    <rPh sb="65" eb="66">
      <t>カ</t>
    </rPh>
    <rPh sb="66" eb="67">
      <t>オヨ</t>
    </rPh>
    <rPh sb="72" eb="73">
      <t>カ</t>
    </rPh>
    <rPh sb="77" eb="80">
      <t>ゼンネンド</t>
    </rPh>
    <rPh sb="80" eb="83">
      <t>キョウソウリツ</t>
    </rPh>
    <phoneticPr fontId="3"/>
  </si>
  <si>
    <t>専門学科（商業に関する学科）</t>
    <rPh sb="5" eb="6">
      <t>ショウ</t>
    </rPh>
    <rPh sb="6" eb="7">
      <t>ノウギョウ</t>
    </rPh>
    <rPh sb="8" eb="9">
      <t>カン</t>
    </rPh>
    <rPh sb="11" eb="13">
      <t>ガッカ</t>
    </rPh>
    <phoneticPr fontId="3"/>
  </si>
  <si>
    <t>２月９日</t>
    <rPh sb="1" eb="2">
      <t>ガツ</t>
    </rPh>
    <phoneticPr fontId="3"/>
  </si>
  <si>
    <t>総合ビジネス科</t>
    <rPh sb="0" eb="2">
      <t>ソウゴウ</t>
    </rPh>
    <rPh sb="6" eb="7">
      <t>カ</t>
    </rPh>
    <phoneticPr fontId="3"/>
  </si>
  <si>
    <t>県立小田原東</t>
    <rPh sb="0" eb="2">
      <t>ケンリツ</t>
    </rPh>
    <rPh sb="2" eb="5">
      <t>オダワラ</t>
    </rPh>
    <rPh sb="5" eb="6">
      <t>ヒガシ</t>
    </rPh>
    <phoneticPr fontId="3"/>
  </si>
  <si>
    <t>横浜市立横浜商業</t>
    <rPh sb="0" eb="4">
      <t>ヨコハマイチリツ</t>
    </rPh>
    <rPh sb="4" eb="6">
      <t>ヨコハマ</t>
    </rPh>
    <rPh sb="6" eb="8">
      <t>ショウギョウ</t>
    </rPh>
    <phoneticPr fontId="3"/>
  </si>
  <si>
    <t>商業科</t>
    <rPh sb="0" eb="3">
      <t>ショウギョウカ</t>
    </rPh>
    <phoneticPr fontId="3"/>
  </si>
  <si>
    <t>スポーツマネジメント科</t>
    <rPh sb="10" eb="11">
      <t>カ</t>
    </rPh>
    <phoneticPr fontId="3"/>
  </si>
  <si>
    <t>川崎市立幸</t>
    <rPh sb="0" eb="3">
      <t>カワサキシ</t>
    </rPh>
    <rPh sb="3" eb="4">
      <t>ケンリツ</t>
    </rPh>
    <rPh sb="4" eb="5">
      <t>ユキ</t>
    </rPh>
    <phoneticPr fontId="12"/>
  </si>
  <si>
    <t>ビジネス教養科</t>
    <rPh sb="4" eb="6">
      <t>キョウヨウ</t>
    </rPh>
    <rPh sb="6" eb="7">
      <t>カ</t>
    </rPh>
    <phoneticPr fontId="3"/>
  </si>
  <si>
    <t>専門学科（水産に関する学科）</t>
    <rPh sb="5" eb="7">
      <t>スイサン</t>
    </rPh>
    <rPh sb="8" eb="9">
      <t>カン</t>
    </rPh>
    <rPh sb="11" eb="13">
      <t>ガッカ</t>
    </rPh>
    <phoneticPr fontId="3"/>
  </si>
  <si>
    <t>県立海洋科学</t>
    <rPh sb="0" eb="2">
      <t>ケンリツ</t>
    </rPh>
    <rPh sb="2" eb="4">
      <t>カイヨウ</t>
    </rPh>
    <rPh sb="4" eb="6">
      <t>カガク</t>
    </rPh>
    <phoneticPr fontId="3"/>
  </si>
  <si>
    <t>船舶運航科</t>
    <rPh sb="0" eb="2">
      <t>センパク</t>
    </rPh>
    <rPh sb="2" eb="4">
      <t>ウンコウ</t>
    </rPh>
    <rPh sb="4" eb="5">
      <t>カ</t>
    </rPh>
    <phoneticPr fontId="12"/>
  </si>
  <si>
    <t>水産食品科</t>
    <rPh sb="0" eb="2">
      <t>スイサン</t>
    </rPh>
    <rPh sb="2" eb="4">
      <t>ショクヒン</t>
    </rPh>
    <rPh sb="4" eb="5">
      <t>カ</t>
    </rPh>
    <phoneticPr fontId="12"/>
  </si>
  <si>
    <t>無線技術科</t>
    <rPh sb="0" eb="2">
      <t>ムセン</t>
    </rPh>
    <rPh sb="2" eb="4">
      <t>ギジュツ</t>
    </rPh>
    <rPh sb="4" eb="5">
      <t>カ</t>
    </rPh>
    <phoneticPr fontId="12"/>
  </si>
  <si>
    <t>生物環境科</t>
    <rPh sb="0" eb="2">
      <t>セイブツ</t>
    </rPh>
    <rPh sb="2" eb="4">
      <t>カンキョウ</t>
    </rPh>
    <rPh sb="4" eb="5">
      <t>カ</t>
    </rPh>
    <phoneticPr fontId="12"/>
  </si>
  <si>
    <t>専門学科（家庭に関する学科）</t>
    <rPh sb="5" eb="7">
      <t>カテイ</t>
    </rPh>
    <rPh sb="8" eb="9">
      <t>カン</t>
    </rPh>
    <rPh sb="11" eb="13">
      <t>ガッカ</t>
    </rPh>
    <phoneticPr fontId="3"/>
  </si>
  <si>
    <t>川崎市立川崎</t>
    <rPh sb="0" eb="2">
      <t>カワサキ</t>
    </rPh>
    <rPh sb="2" eb="4">
      <t>イチリツ</t>
    </rPh>
    <rPh sb="4" eb="6">
      <t>カワサキ</t>
    </rPh>
    <phoneticPr fontId="3"/>
  </si>
  <si>
    <t>生活科学科</t>
    <rPh sb="0" eb="2">
      <t>セイカツ</t>
    </rPh>
    <rPh sb="2" eb="3">
      <t>カ</t>
    </rPh>
    <rPh sb="3" eb="5">
      <t>カガクカ</t>
    </rPh>
    <phoneticPr fontId="3"/>
  </si>
  <si>
    <t>専門学科（福祉に関する学科）</t>
    <rPh sb="5" eb="7">
      <t>フクシ</t>
    </rPh>
    <rPh sb="8" eb="9">
      <t>カン</t>
    </rPh>
    <rPh sb="11" eb="13">
      <t>ガッカ</t>
    </rPh>
    <phoneticPr fontId="3"/>
  </si>
  <si>
    <t>福祉科</t>
    <rPh sb="0" eb="3">
      <t>フクシカ</t>
    </rPh>
    <phoneticPr fontId="3"/>
  </si>
  <si>
    <t>県立横須賀南</t>
    <rPh sb="0" eb="2">
      <t>ケンリツ</t>
    </rPh>
    <rPh sb="2" eb="5">
      <t>ヨコスカ</t>
    </rPh>
    <rPh sb="5" eb="6">
      <t>ミナミ</t>
    </rPh>
    <phoneticPr fontId="12"/>
  </si>
  <si>
    <t>福祉科</t>
    <rPh sb="0" eb="2">
      <t>フクシ</t>
    </rPh>
    <rPh sb="2" eb="3">
      <t>カ</t>
    </rPh>
    <phoneticPr fontId="12"/>
  </si>
  <si>
    <t>専門学科（理数に関する学科）</t>
    <rPh sb="5" eb="7">
      <t>リスウ</t>
    </rPh>
    <rPh sb="8" eb="9">
      <t>カン</t>
    </rPh>
    <rPh sb="11" eb="13">
      <t>ガッカ</t>
    </rPh>
    <phoneticPr fontId="3"/>
  </si>
  <si>
    <t>川崎市立川崎総合科学</t>
    <rPh sb="0" eb="2">
      <t>カワサキ</t>
    </rPh>
    <rPh sb="2" eb="4">
      <t>イチリツ</t>
    </rPh>
    <rPh sb="4" eb="6">
      <t>カワサキ</t>
    </rPh>
    <rPh sb="6" eb="8">
      <t>ソウゴウ</t>
    </rPh>
    <rPh sb="8" eb="10">
      <t>カガク</t>
    </rPh>
    <phoneticPr fontId="3"/>
  </si>
  <si>
    <t>科学科</t>
    <rPh sb="0" eb="2">
      <t>カガク</t>
    </rPh>
    <rPh sb="2" eb="3">
      <t>カガクカ</t>
    </rPh>
    <phoneticPr fontId="3"/>
  </si>
  <si>
    <t>専門学科（体育に関する学科）</t>
    <rPh sb="5" eb="7">
      <t>タイイク</t>
    </rPh>
    <rPh sb="8" eb="9">
      <t>カン</t>
    </rPh>
    <rPh sb="11" eb="13">
      <t>ガッカ</t>
    </rPh>
    <phoneticPr fontId="3"/>
  </si>
  <si>
    <t>県立厚木北</t>
    <rPh sb="0" eb="2">
      <t>ケンリツ</t>
    </rPh>
    <rPh sb="2" eb="4">
      <t>アツギ</t>
    </rPh>
    <rPh sb="4" eb="5">
      <t>キタ</t>
    </rPh>
    <phoneticPr fontId="12"/>
  </si>
  <si>
    <t>スポーツ科学科</t>
    <rPh sb="4" eb="6">
      <t>カガク</t>
    </rPh>
    <rPh sb="6" eb="7">
      <t>カ</t>
    </rPh>
    <phoneticPr fontId="12"/>
  </si>
  <si>
    <t>川崎市立橘</t>
    <rPh sb="0" eb="2">
      <t>カワサキ</t>
    </rPh>
    <rPh sb="2" eb="4">
      <t>イチリツ</t>
    </rPh>
    <rPh sb="4" eb="5">
      <t>タチバナ</t>
    </rPh>
    <phoneticPr fontId="3"/>
  </si>
  <si>
    <t>スポーツ科</t>
    <rPh sb="4" eb="5">
      <t>カガクカ</t>
    </rPh>
    <phoneticPr fontId="3"/>
  </si>
  <si>
    <t>専門学科（美術に関する学科）</t>
    <rPh sb="5" eb="7">
      <t>ビジュツ</t>
    </rPh>
    <rPh sb="8" eb="9">
      <t>カン</t>
    </rPh>
    <rPh sb="11" eb="13">
      <t>ガッカ</t>
    </rPh>
    <phoneticPr fontId="3"/>
  </si>
  <si>
    <t>美術科</t>
    <rPh sb="0" eb="2">
      <t>ビジュツ</t>
    </rPh>
    <rPh sb="2" eb="3">
      <t>カ</t>
    </rPh>
    <phoneticPr fontId="3"/>
  </si>
  <si>
    <t>専門学科（国際に関する学科）</t>
    <rPh sb="5" eb="7">
      <t>コクサイ</t>
    </rPh>
    <rPh sb="8" eb="9">
      <t>カン</t>
    </rPh>
    <rPh sb="11" eb="13">
      <t>ガッカ</t>
    </rPh>
    <phoneticPr fontId="3"/>
  </si>
  <si>
    <t>横浜市立横浜商業</t>
    <rPh sb="0" eb="4">
      <t>ヨコハマシリツ</t>
    </rPh>
    <rPh sb="4" eb="6">
      <t>ヨコハマ</t>
    </rPh>
    <rPh sb="6" eb="8">
      <t>ショウギョウ</t>
    </rPh>
    <phoneticPr fontId="3"/>
  </si>
  <si>
    <t>国際学科</t>
    <rPh sb="0" eb="2">
      <t>コクサイ</t>
    </rPh>
    <rPh sb="2" eb="4">
      <t>ガッカ</t>
    </rPh>
    <phoneticPr fontId="3"/>
  </si>
  <si>
    <t>国際科</t>
    <rPh sb="0" eb="3">
      <t>コクサイカ</t>
    </rPh>
    <phoneticPr fontId="3"/>
  </si>
  <si>
    <t>単位制　普通科</t>
    <rPh sb="0" eb="3">
      <t>タンイセイ</t>
    </rPh>
    <rPh sb="4" eb="7">
      <t>フツウカ</t>
    </rPh>
    <phoneticPr fontId="3"/>
  </si>
  <si>
    <t xml:space="preserve"> 学科・コース名</t>
    <rPh sb="1" eb="2">
      <t>ガク</t>
    </rPh>
    <rPh sb="2" eb="3">
      <t>カ</t>
    </rPh>
    <rPh sb="7" eb="8">
      <t>ナ</t>
    </rPh>
    <phoneticPr fontId="3"/>
  </si>
  <si>
    <t>県立神奈川総合</t>
    <rPh sb="0" eb="2">
      <t>ケンリツ</t>
    </rPh>
    <rPh sb="2" eb="5">
      <t>カナガワ</t>
    </rPh>
    <rPh sb="5" eb="7">
      <t>ソウゴウ</t>
    </rPh>
    <phoneticPr fontId="3"/>
  </si>
  <si>
    <t>普通科個性化コース</t>
    <rPh sb="0" eb="3">
      <t>フツウカ</t>
    </rPh>
    <rPh sb="3" eb="6">
      <t>コセイカ</t>
    </rPh>
    <phoneticPr fontId="3"/>
  </si>
  <si>
    <t>－</t>
  </si>
  <si>
    <t>普通科国際文化コース</t>
    <rPh sb="0" eb="3">
      <t>フツウカ</t>
    </rPh>
    <rPh sb="3" eb="5">
      <t>コクサイ</t>
    </rPh>
    <rPh sb="5" eb="7">
      <t>ブンカ</t>
    </rPh>
    <phoneticPr fontId="3"/>
  </si>
  <si>
    <t>－</t>
    <phoneticPr fontId="13"/>
  </si>
  <si>
    <t>県立横浜緑園</t>
    <rPh sb="0" eb="2">
      <t>ケンリツ</t>
    </rPh>
    <rPh sb="2" eb="4">
      <t>ヨコハマ</t>
    </rPh>
    <rPh sb="4" eb="6">
      <t>リョクエン</t>
    </rPh>
    <phoneticPr fontId="12"/>
  </si>
  <si>
    <t>普通科</t>
    <rPh sb="0" eb="3">
      <t>フツウカ</t>
    </rPh>
    <phoneticPr fontId="12"/>
  </si>
  <si>
    <t>県立横浜桜陽</t>
    <rPh sb="0" eb="2">
      <t>ケンリツ</t>
    </rPh>
    <rPh sb="2" eb="4">
      <t>ヨコハマ</t>
    </rPh>
    <rPh sb="4" eb="5">
      <t>オウ</t>
    </rPh>
    <rPh sb="5" eb="6">
      <t>ヨウ</t>
    </rPh>
    <phoneticPr fontId="3"/>
  </si>
  <si>
    <t>普通科</t>
    <rPh sb="0" eb="3">
      <t>フツウカ</t>
    </rPh>
    <phoneticPr fontId="3"/>
  </si>
  <si>
    <t>県立横浜清陵</t>
    <rPh sb="0" eb="2">
      <t>ケンリツ</t>
    </rPh>
    <rPh sb="2" eb="4">
      <t>ヨコハマ</t>
    </rPh>
    <rPh sb="4" eb="6">
      <t>セイリョウ</t>
    </rPh>
    <phoneticPr fontId="3"/>
  </si>
  <si>
    <t>県立横浜栄</t>
    <rPh sb="0" eb="2">
      <t>ケンリツ</t>
    </rPh>
    <rPh sb="2" eb="4">
      <t>ヨコハマ</t>
    </rPh>
    <rPh sb="4" eb="5">
      <t>サカエ</t>
    </rPh>
    <phoneticPr fontId="13"/>
  </si>
  <si>
    <t>普通科</t>
    <rPh sb="0" eb="3">
      <t>フツウカ</t>
    </rPh>
    <phoneticPr fontId="13"/>
  </si>
  <si>
    <t>県立川崎</t>
    <rPh sb="0" eb="2">
      <t>ケンリツ</t>
    </rPh>
    <rPh sb="2" eb="4">
      <t>カワサキ</t>
    </rPh>
    <phoneticPr fontId="3"/>
  </si>
  <si>
    <t>県立大師</t>
    <rPh sb="0" eb="2">
      <t>ケンリツ</t>
    </rPh>
    <rPh sb="2" eb="4">
      <t>ダイシ</t>
    </rPh>
    <phoneticPr fontId="3"/>
  </si>
  <si>
    <t>県立三浦初声</t>
    <rPh sb="0" eb="2">
      <t>ケンリツ</t>
    </rPh>
    <rPh sb="2" eb="4">
      <t>ミウラ</t>
    </rPh>
    <rPh sb="4" eb="5">
      <t>ハツ</t>
    </rPh>
    <rPh sb="5" eb="6">
      <t>コエ</t>
    </rPh>
    <phoneticPr fontId="3"/>
  </si>
  <si>
    <t>県立藤沢清流</t>
    <rPh sb="0" eb="2">
      <t>ケンリツ</t>
    </rPh>
    <rPh sb="2" eb="4">
      <t>フジサワ</t>
    </rPh>
    <rPh sb="4" eb="6">
      <t>セイリュウ</t>
    </rPh>
    <phoneticPr fontId="3"/>
  </si>
  <si>
    <t>県立平塚湘風</t>
    <rPh sb="0" eb="2">
      <t>ケンリツ</t>
    </rPh>
    <rPh sb="2" eb="4">
      <t>ヒラツカ</t>
    </rPh>
    <rPh sb="4" eb="5">
      <t>ショウ</t>
    </rPh>
    <rPh sb="5" eb="6">
      <t>フウ</t>
    </rPh>
    <phoneticPr fontId="13"/>
  </si>
  <si>
    <t>県立小田原</t>
    <rPh sb="0" eb="2">
      <t>ケンリツ</t>
    </rPh>
    <rPh sb="2" eb="5">
      <t>オダワラ</t>
    </rPh>
    <phoneticPr fontId="3"/>
  </si>
  <si>
    <t>県立厚木清南</t>
    <rPh sb="0" eb="2">
      <t>ケンリツ</t>
    </rPh>
    <rPh sb="2" eb="4">
      <t>アツギ</t>
    </rPh>
    <rPh sb="4" eb="6">
      <t>セイナン</t>
    </rPh>
    <phoneticPr fontId="3"/>
  </si>
  <si>
    <t>県立相模原城山</t>
    <rPh sb="0" eb="2">
      <t>ケンリツ</t>
    </rPh>
    <rPh sb="2" eb="5">
      <t>サガミハラ</t>
    </rPh>
    <rPh sb="5" eb="7">
      <t>シロヤマ</t>
    </rPh>
    <phoneticPr fontId="3"/>
  </si>
  <si>
    <t>県立相模原弥栄</t>
    <rPh sb="0" eb="2">
      <t>ケンリツ</t>
    </rPh>
    <rPh sb="2" eb="5">
      <t>サガミハラ</t>
    </rPh>
    <rPh sb="5" eb="6">
      <t>ヤ</t>
    </rPh>
    <rPh sb="6" eb="7">
      <t>サカ</t>
    </rPh>
    <phoneticPr fontId="3"/>
  </si>
  <si>
    <t>横浜市立東</t>
    <rPh sb="0" eb="4">
      <t>ヨコハマシリツ</t>
    </rPh>
    <rPh sb="4" eb="5">
      <t>ヒガシ</t>
    </rPh>
    <phoneticPr fontId="3"/>
  </si>
  <si>
    <t>横浜市立戸塚</t>
    <rPh sb="0" eb="4">
      <t>ヨコハマシリツ</t>
    </rPh>
    <rPh sb="4" eb="6">
      <t>トツカ</t>
    </rPh>
    <phoneticPr fontId="3"/>
  </si>
  <si>
    <t>普通科一般コース</t>
    <rPh sb="0" eb="3">
      <t>フツウカ</t>
    </rPh>
    <rPh sb="3" eb="5">
      <t>イッパン</t>
    </rPh>
    <phoneticPr fontId="3"/>
  </si>
  <si>
    <t>単位制　普通科専門コース</t>
    <rPh sb="0" eb="3">
      <t>タンイセイ</t>
    </rPh>
    <rPh sb="4" eb="7">
      <t>フツウカ</t>
    </rPh>
    <rPh sb="7" eb="9">
      <t>センモン</t>
    </rPh>
    <phoneticPr fontId="3"/>
  </si>
  <si>
    <t>普通科音楽コース</t>
    <rPh sb="0" eb="3">
      <t>フツウカ</t>
    </rPh>
    <rPh sb="3" eb="5">
      <t>オンガク</t>
    </rPh>
    <phoneticPr fontId="3"/>
  </si>
  <si>
    <t>単位制　総合学科　（クリエイティブスクールを除く。）</t>
    <rPh sb="0" eb="3">
      <t>タンイセイ</t>
    </rPh>
    <rPh sb="4" eb="6">
      <t>ソウゴウ</t>
    </rPh>
    <rPh sb="6" eb="8">
      <t>ガッカ</t>
    </rPh>
    <phoneticPr fontId="3"/>
  </si>
  <si>
    <t xml:space="preserve"> 学 科 名</t>
    <rPh sb="1" eb="2">
      <t>ガク</t>
    </rPh>
    <rPh sb="3" eb="4">
      <t>カ</t>
    </rPh>
    <rPh sb="5" eb="6">
      <t>ナ</t>
    </rPh>
    <phoneticPr fontId="3"/>
  </si>
  <si>
    <t>県立鶴見総合</t>
    <rPh sb="0" eb="2">
      <t>ケンリツ</t>
    </rPh>
    <rPh sb="2" eb="4">
      <t>ツルミ</t>
    </rPh>
    <rPh sb="4" eb="6">
      <t>ソウゴウ</t>
    </rPh>
    <phoneticPr fontId="3"/>
  </si>
  <si>
    <t>総合学科</t>
    <rPh sb="0" eb="2">
      <t>ソウゴウ</t>
    </rPh>
    <rPh sb="2" eb="4">
      <t>ガッカ</t>
    </rPh>
    <phoneticPr fontId="3"/>
  </si>
  <si>
    <t>県立金沢総合</t>
    <rPh sb="0" eb="2">
      <t>ケンリツ</t>
    </rPh>
    <rPh sb="2" eb="4">
      <t>カナザワ</t>
    </rPh>
    <rPh sb="4" eb="6">
      <t>ソウゴウ</t>
    </rPh>
    <phoneticPr fontId="3"/>
  </si>
  <si>
    <t>県立藤沢総合</t>
    <rPh sb="0" eb="2">
      <t>ケンリツ</t>
    </rPh>
    <rPh sb="2" eb="4">
      <t>フジサワ</t>
    </rPh>
    <rPh sb="4" eb="6">
      <t>ソウゴウ</t>
    </rPh>
    <phoneticPr fontId="3"/>
  </si>
  <si>
    <t>県立秦野総合</t>
    <rPh sb="0" eb="2">
      <t>ケンリツ</t>
    </rPh>
    <rPh sb="2" eb="4">
      <t>ハダノ</t>
    </rPh>
    <rPh sb="4" eb="6">
      <t>ソウゴウ</t>
    </rPh>
    <phoneticPr fontId="13"/>
  </si>
  <si>
    <t>県立座間総合</t>
    <rPh sb="0" eb="2">
      <t>ケンリツ</t>
    </rPh>
    <rPh sb="2" eb="4">
      <t>ザマ</t>
    </rPh>
    <rPh sb="4" eb="6">
      <t>ソウゴウ</t>
    </rPh>
    <phoneticPr fontId="13"/>
  </si>
  <si>
    <t>総合学科</t>
    <rPh sb="0" eb="2">
      <t>ソウゴウ</t>
    </rPh>
    <rPh sb="2" eb="4">
      <t>ガッカ</t>
    </rPh>
    <phoneticPr fontId="13"/>
  </si>
  <si>
    <t>横浜市立みなと総合</t>
    <rPh sb="0" eb="4">
      <t>ヨコハマイチリツ</t>
    </rPh>
    <rPh sb="7" eb="9">
      <t>ソウゴウ</t>
    </rPh>
    <phoneticPr fontId="3"/>
  </si>
  <si>
    <t>総合学科</t>
  </si>
  <si>
    <t>横須賀市立横須賀総合</t>
    <rPh sb="0" eb="5">
      <t>ヨコスカシリツ</t>
    </rPh>
    <rPh sb="5" eb="8">
      <t>ヨコスカ</t>
    </rPh>
    <rPh sb="8" eb="10">
      <t>ソウゴウ</t>
    </rPh>
    <phoneticPr fontId="3"/>
  </si>
  <si>
    <t>単位制　総合学科　クリエイティブスクール</t>
    <rPh sb="0" eb="3">
      <t>タンイセイ</t>
    </rPh>
    <rPh sb="4" eb="6">
      <t>ソウゴウ</t>
    </rPh>
    <rPh sb="6" eb="8">
      <t>ガッカ</t>
    </rPh>
    <phoneticPr fontId="3"/>
  </si>
  <si>
    <t>県立青葉総合</t>
    <rPh sb="0" eb="2">
      <t>ケンリツ</t>
    </rPh>
    <rPh sb="2" eb="4">
      <t>アオバ</t>
    </rPh>
    <rPh sb="4" eb="6">
      <t>ソウゴウ</t>
    </rPh>
    <phoneticPr fontId="3"/>
  </si>
  <si>
    <t>総合学科</t>
    <rPh sb="0" eb="4">
      <t>ソウゴウガッカ</t>
    </rPh>
    <phoneticPr fontId="3"/>
  </si>
  <si>
    <t>単位制　専門学科（農業に関する学科）</t>
    <rPh sb="9" eb="11">
      <t>ノウギョウ</t>
    </rPh>
    <rPh sb="12" eb="13">
      <t>カン</t>
    </rPh>
    <rPh sb="15" eb="17">
      <t>ガッカ</t>
    </rPh>
    <phoneticPr fontId="13"/>
  </si>
  <si>
    <t>県立三浦初声</t>
    <rPh sb="0" eb="1">
      <t>ケン</t>
    </rPh>
    <rPh sb="1" eb="2">
      <t>リツ</t>
    </rPh>
    <rPh sb="2" eb="4">
      <t>ミウラ</t>
    </rPh>
    <rPh sb="4" eb="5">
      <t>ハツ</t>
    </rPh>
    <rPh sb="5" eb="6">
      <t>コエ</t>
    </rPh>
    <phoneticPr fontId="13"/>
  </si>
  <si>
    <t>都市農業科</t>
    <rPh sb="0" eb="2">
      <t>トシ</t>
    </rPh>
    <rPh sb="2" eb="4">
      <t>ノウギョウ</t>
    </rPh>
    <rPh sb="4" eb="5">
      <t>カ</t>
    </rPh>
    <phoneticPr fontId="3"/>
  </si>
  <si>
    <t>県立吉田島</t>
    <rPh sb="0" eb="2">
      <t>ケンリツ</t>
    </rPh>
    <rPh sb="2" eb="5">
      <t>ヨシダジマ</t>
    </rPh>
    <phoneticPr fontId="13"/>
  </si>
  <si>
    <t>食品加工科</t>
    <rPh sb="0" eb="2">
      <t>ショクヒン</t>
    </rPh>
    <rPh sb="2" eb="4">
      <t>カコウ</t>
    </rPh>
    <rPh sb="4" eb="5">
      <t>カ</t>
    </rPh>
    <phoneticPr fontId="3"/>
  </si>
  <si>
    <t>環境緑地科</t>
    <rPh sb="0" eb="2">
      <t>カンキョウ</t>
    </rPh>
    <rPh sb="2" eb="4">
      <t>リョクチ</t>
    </rPh>
    <rPh sb="4" eb="5">
      <t>カ</t>
    </rPh>
    <phoneticPr fontId="3"/>
  </si>
  <si>
    <t>　　計</t>
    <rPh sb="2" eb="3">
      <t>ケイ</t>
    </rPh>
    <phoneticPr fontId="13"/>
  </si>
  <si>
    <t>単位制　専門学科（家庭に関する学科）</t>
    <rPh sb="9" eb="11">
      <t>カテイ</t>
    </rPh>
    <rPh sb="12" eb="13">
      <t>カン</t>
    </rPh>
    <rPh sb="15" eb="17">
      <t>ガッカ</t>
    </rPh>
    <phoneticPr fontId="13"/>
  </si>
  <si>
    <t>県立吉田島</t>
    <rPh sb="0" eb="2">
      <t>ケンリツ</t>
    </rPh>
    <rPh sb="2" eb="4">
      <t>ヨシダ</t>
    </rPh>
    <rPh sb="4" eb="5">
      <t>ジマ</t>
    </rPh>
    <phoneticPr fontId="13"/>
  </si>
  <si>
    <t>生活科学科</t>
    <rPh sb="0" eb="5">
      <t>セイカツカガクカ</t>
    </rPh>
    <phoneticPr fontId="3"/>
  </si>
  <si>
    <t>単位制　専門学科（理数に関する学科）</t>
    <rPh sb="9" eb="11">
      <t>リスウ</t>
    </rPh>
    <rPh sb="12" eb="13">
      <t>カン</t>
    </rPh>
    <rPh sb="15" eb="17">
      <t>ガッカ</t>
    </rPh>
    <phoneticPr fontId="13"/>
  </si>
  <si>
    <t>横浜市立横浜サイエンスフロンティア</t>
    <phoneticPr fontId="13"/>
  </si>
  <si>
    <t>理数科</t>
    <rPh sb="0" eb="3">
      <t>リスウカ</t>
    </rPh>
    <phoneticPr fontId="3"/>
  </si>
  <si>
    <t>単位制　専門学科（体育に関する学科）</t>
    <rPh sb="9" eb="11">
      <t>タイイク</t>
    </rPh>
    <rPh sb="12" eb="13">
      <t>カン</t>
    </rPh>
    <rPh sb="15" eb="17">
      <t>ガッカ</t>
    </rPh>
    <phoneticPr fontId="13"/>
  </si>
  <si>
    <t>県立相模原弥栄</t>
    <rPh sb="0" eb="2">
      <t>ケンリツ</t>
    </rPh>
    <rPh sb="2" eb="5">
      <t>サガミハラ</t>
    </rPh>
    <rPh sb="5" eb="7">
      <t>ヤエイ</t>
    </rPh>
    <phoneticPr fontId="13"/>
  </si>
  <si>
    <t>スポーツ科学科</t>
    <rPh sb="4" eb="6">
      <t>カガク</t>
    </rPh>
    <rPh sb="6" eb="7">
      <t>カ</t>
    </rPh>
    <phoneticPr fontId="13"/>
  </si>
  <si>
    <t>単位制　専門学科（音楽に関する学科）</t>
    <rPh sb="9" eb="11">
      <t>オンガク</t>
    </rPh>
    <rPh sb="12" eb="13">
      <t>カン</t>
    </rPh>
    <rPh sb="15" eb="17">
      <t>ガッカ</t>
    </rPh>
    <phoneticPr fontId="13"/>
  </si>
  <si>
    <t>音楽科</t>
    <rPh sb="0" eb="2">
      <t>オンガク</t>
    </rPh>
    <rPh sb="2" eb="3">
      <t>カ</t>
    </rPh>
    <phoneticPr fontId="13"/>
  </si>
  <si>
    <t>単位制　専門学科（美術に関する学科）</t>
    <rPh sb="9" eb="11">
      <t>ビジュツ</t>
    </rPh>
    <rPh sb="12" eb="13">
      <t>カン</t>
    </rPh>
    <rPh sb="15" eb="17">
      <t>ガッカ</t>
    </rPh>
    <phoneticPr fontId="13"/>
  </si>
  <si>
    <t>美術科</t>
    <rPh sb="0" eb="2">
      <t>ビジュツ</t>
    </rPh>
    <rPh sb="2" eb="3">
      <t>カ</t>
    </rPh>
    <phoneticPr fontId="13"/>
  </si>
  <si>
    <t>単位制　専門学科（国際関係に関する学科）</t>
    <rPh sb="9" eb="11">
      <t>コクサイ</t>
    </rPh>
    <rPh sb="14" eb="15">
      <t>カン</t>
    </rPh>
    <rPh sb="17" eb="19">
      <t>ガッカ</t>
    </rPh>
    <phoneticPr fontId="13"/>
  </si>
  <si>
    <t>県立横浜国際</t>
    <rPh sb="0" eb="2">
      <t>ケンリツ</t>
    </rPh>
    <rPh sb="2" eb="4">
      <t>ヨコハマ</t>
    </rPh>
    <rPh sb="4" eb="6">
      <t>コクサイ</t>
    </rPh>
    <phoneticPr fontId="13"/>
  </si>
  <si>
    <t>国際科</t>
    <rPh sb="0" eb="3">
      <t>コクサイカ</t>
    </rPh>
    <phoneticPr fontId="13"/>
  </si>
  <si>
    <t>国際科国際バカロレア
コース</t>
    <rPh sb="0" eb="2">
      <t>コクサイ</t>
    </rPh>
    <rPh sb="2" eb="3">
      <t>カ</t>
    </rPh>
    <rPh sb="3" eb="5">
      <t>コクサイ</t>
    </rPh>
    <phoneticPr fontId="13"/>
  </si>
  <si>
    <t>※　県立横浜国際高等学校の国際科は、国際科国際バカロレアコースを除く国際科です。</t>
    <phoneticPr fontId="20"/>
  </si>
  <si>
    <t>単位制　専門学科（総合産業に関する学科）</t>
    <rPh sb="9" eb="11">
      <t>ソウゴウ</t>
    </rPh>
    <rPh sb="11" eb="13">
      <t>サンギョウ</t>
    </rPh>
    <rPh sb="14" eb="15">
      <t>カン</t>
    </rPh>
    <rPh sb="17" eb="19">
      <t>ガッカ</t>
    </rPh>
    <phoneticPr fontId="13"/>
  </si>
  <si>
    <t>県立神奈川総合産業</t>
    <rPh sb="0" eb="2">
      <t>ケンリツ</t>
    </rPh>
    <rPh sb="2" eb="5">
      <t>カナガワ</t>
    </rPh>
    <rPh sb="5" eb="7">
      <t>ソウゴウ</t>
    </rPh>
    <rPh sb="7" eb="9">
      <t>サンギョウ</t>
    </rPh>
    <phoneticPr fontId="3"/>
  </si>
  <si>
    <t>総合産業科</t>
    <rPh sb="0" eb="2">
      <t>ソウゴウ</t>
    </rPh>
    <rPh sb="2" eb="4">
      <t>サンギョウ</t>
    </rPh>
    <rPh sb="4" eb="5">
      <t>カ</t>
    </rPh>
    <phoneticPr fontId="3"/>
  </si>
  <si>
    <t>単位制　専門学科（舞台芸術に関する学科）</t>
    <rPh sb="9" eb="11">
      <t>ブタイ</t>
    </rPh>
    <rPh sb="11" eb="13">
      <t>ゲイジュツ</t>
    </rPh>
    <rPh sb="14" eb="15">
      <t>カン</t>
    </rPh>
    <rPh sb="17" eb="19">
      <t>ガッカ</t>
    </rPh>
    <phoneticPr fontId="13"/>
  </si>
  <si>
    <t>舞台芸術科</t>
    <rPh sb="0" eb="2">
      <t>ブタイ</t>
    </rPh>
    <rPh sb="2" eb="4">
      <t>ゲイジュツ</t>
    </rPh>
    <rPh sb="4" eb="5">
      <t>カ</t>
    </rPh>
    <phoneticPr fontId="3"/>
  </si>
  <si>
    <t>２　連携募集志願変更締切時志願状況</t>
    <rPh sb="2" eb="4">
      <t>レンケイ</t>
    </rPh>
    <rPh sb="4" eb="6">
      <t>ボシュウ</t>
    </rPh>
    <rPh sb="6" eb="8">
      <t>シガン</t>
    </rPh>
    <rPh sb="8" eb="10">
      <t>ヘンコウ</t>
    </rPh>
    <rPh sb="10" eb="12">
      <t>シメキリ</t>
    </rPh>
    <rPh sb="12" eb="13">
      <t>ケイジ</t>
    </rPh>
    <rPh sb="13" eb="15">
      <t>シガン</t>
    </rPh>
    <rPh sb="15" eb="17">
      <t>ジョウキョウ</t>
    </rPh>
    <phoneticPr fontId="3"/>
  </si>
  <si>
    <t>-</t>
    <phoneticPr fontId="13"/>
  </si>
  <si>
    <t>-</t>
  </si>
  <si>
    <t>県立愛川</t>
    <rPh sb="0" eb="2">
      <t>ケンリツ</t>
    </rPh>
    <rPh sb="2" eb="4">
      <t>アイカワ</t>
    </rPh>
    <phoneticPr fontId="3"/>
  </si>
  <si>
    <t>３　一般募集共通選抜志願変更締切時志願状況（定時制の課程及び通信制の課程）</t>
    <rPh sb="2" eb="4">
      <t>イッパン</t>
    </rPh>
    <rPh sb="4" eb="6">
      <t>ボシュウ</t>
    </rPh>
    <rPh sb="6" eb="8">
      <t>キョウツウ</t>
    </rPh>
    <rPh sb="8" eb="10">
      <t>センバツ</t>
    </rPh>
    <rPh sb="10" eb="12">
      <t>シガン</t>
    </rPh>
    <rPh sb="12" eb="14">
      <t>ヘンコウ</t>
    </rPh>
    <rPh sb="14" eb="16">
      <t>シメキリ</t>
    </rPh>
    <rPh sb="16" eb="17">
      <t>ケイジ</t>
    </rPh>
    <rPh sb="17" eb="19">
      <t>シガン</t>
    </rPh>
    <rPh sb="19" eb="21">
      <t>ジョウキョウ</t>
    </rPh>
    <rPh sb="22" eb="25">
      <t>テイジセイ</t>
    </rPh>
    <rPh sb="26" eb="28">
      <t>カテイ</t>
    </rPh>
    <rPh sb="28" eb="29">
      <t>オヨ</t>
    </rPh>
    <rPh sb="30" eb="33">
      <t>ツウシンセイ</t>
    </rPh>
    <rPh sb="34" eb="36">
      <t>カテイ</t>
    </rPh>
    <phoneticPr fontId="3"/>
  </si>
  <si>
    <t>（定時制の課程）</t>
  </si>
  <si>
    <t>普通科</t>
    <rPh sb="0" eb="2">
      <t>フツウ</t>
    </rPh>
    <rPh sb="2" eb="3">
      <t>カ</t>
    </rPh>
    <phoneticPr fontId="3"/>
  </si>
  <si>
    <t>募集</t>
    <rPh sb="0" eb="2">
      <t>ボシュウ</t>
    </rPh>
    <phoneticPr fontId="3"/>
  </si>
  <si>
    <t>共通選抜</t>
    <rPh sb="0" eb="2">
      <t>キョウツウ</t>
    </rPh>
    <rPh sb="2" eb="4">
      <t>センバツ</t>
    </rPh>
    <phoneticPr fontId="3"/>
  </si>
  <si>
    <t xml:space="preserve"> 学科 ・部名</t>
    <rPh sb="1" eb="2">
      <t>ガク</t>
    </rPh>
    <rPh sb="2" eb="3">
      <t>カ</t>
    </rPh>
    <rPh sb="5" eb="6">
      <t>ブ</t>
    </rPh>
    <rPh sb="6" eb="7">
      <t>ナ</t>
    </rPh>
    <phoneticPr fontId="3"/>
  </si>
  <si>
    <t>定員</t>
    <rPh sb="0" eb="2">
      <t>テイイン</t>
    </rPh>
    <phoneticPr fontId="3"/>
  </si>
  <si>
    <t>募集人員</t>
    <rPh sb="0" eb="2">
      <t>ボシュウ</t>
    </rPh>
    <rPh sb="2" eb="4">
      <t>ジンイン</t>
    </rPh>
    <phoneticPr fontId="3"/>
  </si>
  <si>
    <t>（C－B)</t>
    <phoneticPr fontId="13"/>
  </si>
  <si>
    <t>(C)</t>
  </si>
  <si>
    <t>県立希望ケ丘</t>
    <rPh sb="0" eb="2">
      <t>ケンリツ</t>
    </rPh>
    <rPh sb="2" eb="6">
      <t>キボウガオカ</t>
    </rPh>
    <phoneticPr fontId="3"/>
  </si>
  <si>
    <t>普通科</t>
    <rPh sb="0" eb="2">
      <t>フツウ</t>
    </rPh>
    <rPh sb="2" eb="3">
      <t>カ</t>
    </rPh>
    <phoneticPr fontId="13"/>
  </si>
  <si>
    <t>横浜市立戸塚</t>
    <rPh sb="0" eb="4">
      <t>ヨコハマシリツ</t>
    </rPh>
    <rPh sb="4" eb="6">
      <t>トヅカ</t>
    </rPh>
    <phoneticPr fontId="3"/>
  </si>
  <si>
    <t>川崎市立川崎</t>
    <rPh sb="0" eb="4">
      <t>カワサキシリツ</t>
    </rPh>
    <rPh sb="4" eb="6">
      <t>カワサキ</t>
    </rPh>
    <phoneticPr fontId="3"/>
  </si>
  <si>
    <t>普通科昼間部</t>
    <rPh sb="0" eb="2">
      <t>フツウ</t>
    </rPh>
    <rPh sb="2" eb="3">
      <t>カ</t>
    </rPh>
    <rPh sb="3" eb="5">
      <t>チュウカン</t>
    </rPh>
    <rPh sb="5" eb="6">
      <t>ブ</t>
    </rPh>
    <phoneticPr fontId="13"/>
  </si>
  <si>
    <t>川崎市立橘</t>
    <rPh sb="0" eb="4">
      <t>カワサキシリツ</t>
    </rPh>
    <rPh sb="4" eb="5">
      <t>タチバナ</t>
    </rPh>
    <phoneticPr fontId="3"/>
  </si>
  <si>
    <t>川崎市立高津</t>
    <rPh sb="0" eb="4">
      <t>カワサキシリツ</t>
    </rPh>
    <rPh sb="4" eb="6">
      <t>タカツ</t>
    </rPh>
    <phoneticPr fontId="3"/>
  </si>
  <si>
    <t>専門学科（工業に関する学科）</t>
    <rPh sb="0" eb="2">
      <t>センモン</t>
    </rPh>
    <rPh sb="2" eb="4">
      <t>ガッカ</t>
    </rPh>
    <rPh sb="5" eb="7">
      <t>コウギョウ</t>
    </rPh>
    <rPh sb="8" eb="9">
      <t>カン</t>
    </rPh>
    <rPh sb="11" eb="13">
      <t>ガッカ</t>
    </rPh>
    <phoneticPr fontId="3"/>
  </si>
  <si>
    <t>県立小田原北</t>
    <rPh sb="0" eb="2">
      <t>ケンリツ</t>
    </rPh>
    <rPh sb="2" eb="5">
      <t>オダワラ</t>
    </rPh>
    <rPh sb="5" eb="6">
      <t>キタ</t>
    </rPh>
    <phoneticPr fontId="13"/>
  </si>
  <si>
    <t>機械科・電気科</t>
    <rPh sb="0" eb="2">
      <t>キカイ</t>
    </rPh>
    <rPh sb="2" eb="3">
      <t>カ</t>
    </rPh>
    <rPh sb="4" eb="6">
      <t>デンキ</t>
    </rPh>
    <rPh sb="6" eb="7">
      <t>カ</t>
    </rPh>
    <phoneticPr fontId="13"/>
  </si>
  <si>
    <t>川崎市立川崎総合科学</t>
    <rPh sb="0" eb="4">
      <t>カワサキシリツ</t>
    </rPh>
    <rPh sb="4" eb="6">
      <t>カワサキ</t>
    </rPh>
    <rPh sb="6" eb="8">
      <t>ソウゴウ</t>
    </rPh>
    <rPh sb="8" eb="10">
      <t>カガク</t>
    </rPh>
    <phoneticPr fontId="13"/>
  </si>
  <si>
    <t>クリエイト工学科</t>
    <rPh sb="5" eb="8">
      <t>コウガッカ</t>
    </rPh>
    <phoneticPr fontId="13"/>
  </si>
  <si>
    <t>※　県立小田原北高等学校の前年度競争率は、県立小田原城北工業高等学校の前年度競争率です。</t>
    <rPh sb="2" eb="4">
      <t>ケンリツ</t>
    </rPh>
    <rPh sb="4" eb="7">
      <t>オダワラ</t>
    </rPh>
    <rPh sb="7" eb="8">
      <t>キタ</t>
    </rPh>
    <rPh sb="8" eb="10">
      <t>コウトウ</t>
    </rPh>
    <rPh sb="10" eb="12">
      <t>ガッコウ</t>
    </rPh>
    <rPh sb="13" eb="19">
      <t>ゼンネンドキョウソウリツ</t>
    </rPh>
    <rPh sb="21" eb="23">
      <t>ケンリツ</t>
    </rPh>
    <rPh sb="23" eb="26">
      <t>オダワラ</t>
    </rPh>
    <rPh sb="26" eb="28">
      <t>ジョウホク</t>
    </rPh>
    <rPh sb="28" eb="30">
      <t>コウギョウ</t>
    </rPh>
    <rPh sb="30" eb="34">
      <t>コウトウガッコウ</t>
    </rPh>
    <rPh sb="35" eb="41">
      <t>ゼンネンドキョウソウリツ</t>
    </rPh>
    <phoneticPr fontId="13"/>
  </si>
  <si>
    <t>専門学科（商業に関する学科）</t>
    <rPh sb="0" eb="2">
      <t>センモン</t>
    </rPh>
    <rPh sb="2" eb="4">
      <t>ガッカ</t>
    </rPh>
    <rPh sb="5" eb="7">
      <t>ショウギョウ</t>
    </rPh>
    <rPh sb="8" eb="9">
      <t>カン</t>
    </rPh>
    <rPh sb="11" eb="13">
      <t>ガッカ</t>
    </rPh>
    <phoneticPr fontId="3"/>
  </si>
  <si>
    <t>川崎市立川崎総合科学</t>
    <rPh sb="0" eb="4">
      <t>カワサキシリツ</t>
    </rPh>
    <rPh sb="4" eb="6">
      <t>カワサキ</t>
    </rPh>
    <rPh sb="6" eb="8">
      <t>ソウゴウ</t>
    </rPh>
    <rPh sb="8" eb="10">
      <t>カガク</t>
    </rPh>
    <phoneticPr fontId="20"/>
  </si>
  <si>
    <t>商業科</t>
    <rPh sb="0" eb="2">
      <t>ショウギョウ</t>
    </rPh>
    <rPh sb="2" eb="3">
      <t>カ</t>
    </rPh>
    <phoneticPr fontId="13"/>
  </si>
  <si>
    <t>県立神奈川工業</t>
    <rPh sb="0" eb="2">
      <t>ケンリツ</t>
    </rPh>
    <rPh sb="2" eb="5">
      <t>カナガワ</t>
    </rPh>
    <rPh sb="5" eb="7">
      <t>コウギョウ</t>
    </rPh>
    <phoneticPr fontId="13"/>
  </si>
  <si>
    <t>県立横浜明朋</t>
    <rPh sb="0" eb="2">
      <t>ケンリツ</t>
    </rPh>
    <rPh sb="2" eb="4">
      <t>ヨコハマ</t>
    </rPh>
    <rPh sb="4" eb="5">
      <t>メイ</t>
    </rPh>
    <rPh sb="5" eb="6">
      <t>ホウ</t>
    </rPh>
    <phoneticPr fontId="13"/>
  </si>
  <si>
    <t>普通科午前部</t>
    <rPh sb="0" eb="2">
      <t>フツウ</t>
    </rPh>
    <rPh sb="2" eb="3">
      <t>カ</t>
    </rPh>
    <rPh sb="3" eb="6">
      <t>ゴゼンブ</t>
    </rPh>
    <phoneticPr fontId="3"/>
  </si>
  <si>
    <t>普通科午後部</t>
    <rPh sb="0" eb="2">
      <t>フツウ</t>
    </rPh>
    <rPh sb="2" eb="3">
      <t>カ</t>
    </rPh>
    <rPh sb="3" eb="6">
      <t>ゴゴブ</t>
    </rPh>
    <phoneticPr fontId="3"/>
  </si>
  <si>
    <t>県立湘南</t>
    <rPh sb="0" eb="2">
      <t>ケンリツ</t>
    </rPh>
    <rPh sb="2" eb="4">
      <t>ショウナン</t>
    </rPh>
    <phoneticPr fontId="13"/>
  </si>
  <si>
    <t>県立高浜</t>
    <rPh sb="0" eb="2">
      <t>ケンリツ</t>
    </rPh>
    <rPh sb="2" eb="4">
      <t>タカハマ</t>
    </rPh>
    <phoneticPr fontId="13"/>
  </si>
  <si>
    <t>県立小田原</t>
    <rPh sb="0" eb="2">
      <t>ケンリツ</t>
    </rPh>
    <rPh sb="2" eb="5">
      <t>オダワラ</t>
    </rPh>
    <phoneticPr fontId="13"/>
  </si>
  <si>
    <t>県立厚木清南</t>
    <rPh sb="0" eb="2">
      <t>ケンリツ</t>
    </rPh>
    <rPh sb="2" eb="4">
      <t>アツギ</t>
    </rPh>
    <rPh sb="4" eb="6">
      <t>セイナン</t>
    </rPh>
    <phoneticPr fontId="13"/>
  </si>
  <si>
    <t>県立相模向陽館</t>
    <rPh sb="0" eb="2">
      <t>ケンリツ</t>
    </rPh>
    <rPh sb="2" eb="4">
      <t>サガミ</t>
    </rPh>
    <rPh sb="4" eb="7">
      <t>コウヨウカン</t>
    </rPh>
    <phoneticPr fontId="13"/>
  </si>
  <si>
    <t>県立神奈川総合産業</t>
    <rPh sb="0" eb="2">
      <t>ケンリツ</t>
    </rPh>
    <rPh sb="2" eb="5">
      <t>カナガワ</t>
    </rPh>
    <rPh sb="5" eb="7">
      <t>ソウゴウ</t>
    </rPh>
    <rPh sb="7" eb="9">
      <t>サンギョウ</t>
    </rPh>
    <phoneticPr fontId="13"/>
  </si>
  <si>
    <t>単位制　総合学科</t>
    <rPh sb="0" eb="3">
      <t>タンイセイ</t>
    </rPh>
    <rPh sb="4" eb="6">
      <t>ソウゴウ</t>
    </rPh>
    <rPh sb="6" eb="8">
      <t>ガッカ</t>
    </rPh>
    <phoneticPr fontId="3"/>
  </si>
  <si>
    <t>横浜市立横浜総合</t>
    <rPh sb="0" eb="2">
      <t>ヨコハマ</t>
    </rPh>
    <rPh sb="2" eb="4">
      <t>イチリツ</t>
    </rPh>
    <rPh sb="4" eb="6">
      <t>ヨコハマ</t>
    </rPh>
    <rPh sb="6" eb="8">
      <t>ソウゴウ</t>
    </rPh>
    <phoneticPr fontId="12"/>
  </si>
  <si>
    <t>総合学科Ⅰ部</t>
    <rPh sb="0" eb="2">
      <t>ソウゴウ</t>
    </rPh>
    <rPh sb="2" eb="4">
      <t>ガッカ</t>
    </rPh>
    <rPh sb="5" eb="6">
      <t>ブ</t>
    </rPh>
    <phoneticPr fontId="12"/>
  </si>
  <si>
    <t>総合学科Ⅱ部</t>
    <rPh sb="0" eb="2">
      <t>ソウゴウ</t>
    </rPh>
    <rPh sb="2" eb="4">
      <t>ガッカ</t>
    </rPh>
    <rPh sb="5" eb="6">
      <t>ブ</t>
    </rPh>
    <phoneticPr fontId="12"/>
  </si>
  <si>
    <t>総合学科Ⅲ部</t>
    <rPh sb="0" eb="2">
      <t>ソウゴウ</t>
    </rPh>
    <rPh sb="2" eb="4">
      <t>ガッカ</t>
    </rPh>
    <phoneticPr fontId="12"/>
  </si>
  <si>
    <t>横須賀市立横須賀総合</t>
    <rPh sb="0" eb="5">
      <t>ヨコスカシリツ</t>
    </rPh>
    <rPh sb="5" eb="8">
      <t>ヨコスカ</t>
    </rPh>
    <rPh sb="8" eb="10">
      <t>ソウゴウ</t>
    </rPh>
    <phoneticPr fontId="13"/>
  </si>
  <si>
    <t>単位制　専門学科（工業に関する学科）</t>
    <rPh sb="0" eb="3">
      <t>タンイセイ</t>
    </rPh>
    <rPh sb="4" eb="6">
      <t>センモン</t>
    </rPh>
    <rPh sb="6" eb="8">
      <t>ガッカ</t>
    </rPh>
    <rPh sb="9" eb="11">
      <t>コウギョウ</t>
    </rPh>
    <rPh sb="12" eb="13">
      <t>カン</t>
    </rPh>
    <rPh sb="15" eb="17">
      <t>ガッカ</t>
    </rPh>
    <phoneticPr fontId="3"/>
  </si>
  <si>
    <t>機械科</t>
    <rPh sb="0" eb="2">
      <t>キカイ</t>
    </rPh>
    <rPh sb="2" eb="3">
      <t>カ</t>
    </rPh>
    <phoneticPr fontId="13"/>
  </si>
  <si>
    <t>電気科</t>
    <rPh sb="0" eb="2">
      <t>デンキ</t>
    </rPh>
    <rPh sb="2" eb="3">
      <t>カ</t>
    </rPh>
    <phoneticPr fontId="13"/>
  </si>
  <si>
    <t>建設科</t>
    <rPh sb="0" eb="2">
      <t>ケンセツ</t>
    </rPh>
    <rPh sb="2" eb="3">
      <t>カ</t>
    </rPh>
    <phoneticPr fontId="13"/>
  </si>
  <si>
    <t>※　県立神奈川工業高等学校（単位制機械科、単位制電気科及び単位制建設科）の前年度競争率は、同校（機械科、電気科及び建設科）の前年度競争率です。</t>
    <rPh sb="2" eb="4">
      <t>ケンリツ</t>
    </rPh>
    <rPh sb="4" eb="7">
      <t>カナガワ</t>
    </rPh>
    <rPh sb="7" eb="9">
      <t>コウギョウ</t>
    </rPh>
    <rPh sb="9" eb="11">
      <t>コウトウ</t>
    </rPh>
    <rPh sb="11" eb="13">
      <t>ガッコウ</t>
    </rPh>
    <rPh sb="14" eb="17">
      <t>タンイセイ</t>
    </rPh>
    <rPh sb="17" eb="19">
      <t>キカイ</t>
    </rPh>
    <rPh sb="19" eb="20">
      <t>カ</t>
    </rPh>
    <rPh sb="21" eb="24">
      <t>タンイセイ</t>
    </rPh>
    <rPh sb="24" eb="26">
      <t>デンキ</t>
    </rPh>
    <rPh sb="26" eb="27">
      <t>カ</t>
    </rPh>
    <rPh sb="27" eb="28">
      <t>オヨ</t>
    </rPh>
    <rPh sb="29" eb="32">
      <t>タンイセイ</t>
    </rPh>
    <rPh sb="32" eb="34">
      <t>ケンセツ</t>
    </rPh>
    <rPh sb="34" eb="35">
      <t>カ</t>
    </rPh>
    <rPh sb="37" eb="40">
      <t>ゼンネンド</t>
    </rPh>
    <rPh sb="40" eb="43">
      <t>キョウソウリツ</t>
    </rPh>
    <rPh sb="45" eb="47">
      <t>ドウコウ</t>
    </rPh>
    <rPh sb="48" eb="50">
      <t>キカイ</t>
    </rPh>
    <rPh sb="50" eb="51">
      <t>カ</t>
    </rPh>
    <rPh sb="52" eb="54">
      <t>デンキ</t>
    </rPh>
    <rPh sb="54" eb="55">
      <t>カ</t>
    </rPh>
    <rPh sb="55" eb="56">
      <t>オヨ</t>
    </rPh>
    <rPh sb="57" eb="59">
      <t>ケンセツ</t>
    </rPh>
    <rPh sb="59" eb="60">
      <t>カ</t>
    </rPh>
    <rPh sb="62" eb="68">
      <t>ゼンネンドキョウソウリツ</t>
    </rPh>
    <phoneticPr fontId="13"/>
  </si>
  <si>
    <t>（通信制の課程）</t>
    <rPh sb="1" eb="3">
      <t>ツウシン</t>
    </rPh>
    <rPh sb="3" eb="4">
      <t>セイ</t>
    </rPh>
    <rPh sb="5" eb="7">
      <t>カテイ</t>
    </rPh>
    <phoneticPr fontId="13"/>
  </si>
  <si>
    <t>単位制　普通科</t>
    <rPh sb="0" eb="3">
      <t>タンイセイ</t>
    </rPh>
    <rPh sb="4" eb="6">
      <t>フツウ</t>
    </rPh>
    <rPh sb="6" eb="7">
      <t>カ</t>
    </rPh>
    <phoneticPr fontId="3"/>
  </si>
  <si>
    <t>県立横浜修悠館</t>
    <rPh sb="0" eb="2">
      <t>ケンリツ</t>
    </rPh>
    <rPh sb="2" eb="4">
      <t>ヨコハマ</t>
    </rPh>
    <rPh sb="4" eb="5">
      <t>シュウ</t>
    </rPh>
    <rPh sb="5" eb="6">
      <t>ユウ</t>
    </rPh>
    <rPh sb="6" eb="7">
      <t>カン</t>
    </rPh>
    <phoneticPr fontId="13"/>
  </si>
  <si>
    <t>県立厚木清南</t>
    <rPh sb="0" eb="2">
      <t>ケンリツ</t>
    </rPh>
    <rPh sb="2" eb="4">
      <t>アツギ</t>
    </rPh>
    <rPh sb="4" eb="5">
      <t>シン</t>
    </rPh>
    <rPh sb="5" eb="6">
      <t>ミナミ</t>
    </rPh>
    <phoneticPr fontId="3"/>
  </si>
  <si>
    <t>４　特別募集及び中途退学者募集志願変更締切時志願状況</t>
    <rPh sb="2" eb="4">
      <t>トクベツ</t>
    </rPh>
    <rPh sb="21" eb="22">
      <t>ジ</t>
    </rPh>
    <rPh sb="22" eb="24">
      <t>シガン</t>
    </rPh>
    <phoneticPr fontId="3"/>
  </si>
  <si>
    <t>海外帰国生徒特別募集</t>
    <rPh sb="0" eb="4">
      <t>カイガイキコク</t>
    </rPh>
    <rPh sb="4" eb="6">
      <t>セイト</t>
    </rPh>
    <rPh sb="6" eb="8">
      <t>トクベツ</t>
    </rPh>
    <rPh sb="8" eb="10">
      <t>ボシュウ</t>
    </rPh>
    <phoneticPr fontId="3"/>
  </si>
  <si>
    <t>１月30日</t>
    <rPh sb="1" eb="2">
      <t>ガツ</t>
    </rPh>
    <rPh sb="4" eb="5">
      <t>ニチ</t>
    </rPh>
    <phoneticPr fontId="13"/>
  </si>
  <si>
    <t>２月９日</t>
    <rPh sb="1" eb="2">
      <t>ガツ</t>
    </rPh>
    <rPh sb="3" eb="4">
      <t>ニチ</t>
    </rPh>
    <phoneticPr fontId="13"/>
  </si>
  <si>
    <t xml:space="preserve"> 学 科 ・コース名</t>
    <rPh sb="1" eb="2">
      <t>ガク</t>
    </rPh>
    <rPh sb="3" eb="4">
      <t>カ</t>
    </rPh>
    <rPh sb="9" eb="10">
      <t>ナ</t>
    </rPh>
    <phoneticPr fontId="3"/>
  </si>
  <si>
    <t>(C-B)</t>
    <phoneticPr fontId="3"/>
  </si>
  <si>
    <t>(A)</t>
    <phoneticPr fontId="13"/>
  </si>
  <si>
    <t>単位制普通科 国際文化コース</t>
    <rPh sb="0" eb="3">
      <t>タンイセイ</t>
    </rPh>
    <rPh sb="3" eb="5">
      <t>フツウ</t>
    </rPh>
    <rPh sb="5" eb="6">
      <t>カ</t>
    </rPh>
    <rPh sb="7" eb="9">
      <t>コクサイ</t>
    </rPh>
    <rPh sb="9" eb="11">
      <t>ブンカ</t>
    </rPh>
    <phoneticPr fontId="13"/>
  </si>
  <si>
    <t>県立横浜国際</t>
    <rPh sb="0" eb="2">
      <t>ケンリツ</t>
    </rPh>
    <rPh sb="2" eb="4">
      <t>ヨコハマ</t>
    </rPh>
    <rPh sb="4" eb="6">
      <t>コクサイ</t>
    </rPh>
    <phoneticPr fontId="3"/>
  </si>
  <si>
    <t>単位制国際科</t>
    <rPh sb="0" eb="3">
      <t>タンイセイ</t>
    </rPh>
    <rPh sb="3" eb="5">
      <t>コクサイ</t>
    </rPh>
    <rPh sb="5" eb="6">
      <t>カ</t>
    </rPh>
    <phoneticPr fontId="20"/>
  </si>
  <si>
    <t>単位制国際科国際バカロレアコース</t>
    <rPh sb="0" eb="3">
      <t>タンイセイ</t>
    </rPh>
    <rPh sb="3" eb="5">
      <t>コクサイ</t>
    </rPh>
    <rPh sb="5" eb="6">
      <t>カ</t>
    </rPh>
    <rPh sb="6" eb="8">
      <t>コクサイ</t>
    </rPh>
    <phoneticPr fontId="13"/>
  </si>
  <si>
    <t>普通科</t>
    <rPh sb="0" eb="2">
      <t>フツウ</t>
    </rPh>
    <rPh sb="2" eb="3">
      <t>カ</t>
    </rPh>
    <phoneticPr fontId="20"/>
  </si>
  <si>
    <t>県立西湘</t>
    <rPh sb="0" eb="2">
      <t>ケンリツ</t>
    </rPh>
    <rPh sb="2" eb="3">
      <t>ニシ</t>
    </rPh>
    <rPh sb="3" eb="4">
      <t>ショウ</t>
    </rPh>
    <phoneticPr fontId="12"/>
  </si>
  <si>
    <t>県立鶴嶺</t>
    <rPh sb="0" eb="2">
      <t>ケンリツ</t>
    </rPh>
    <rPh sb="2" eb="3">
      <t>ツル</t>
    </rPh>
    <rPh sb="3" eb="4">
      <t>ミネ</t>
    </rPh>
    <phoneticPr fontId="3"/>
  </si>
  <si>
    <t>県立相模原弥栄</t>
    <rPh sb="0" eb="2">
      <t>ケンリツ</t>
    </rPh>
    <rPh sb="2" eb="5">
      <t>サガミハラ</t>
    </rPh>
    <rPh sb="5" eb="7">
      <t>ヤエイ</t>
    </rPh>
    <phoneticPr fontId="3"/>
  </si>
  <si>
    <t>単位制普通科</t>
    <rPh sb="0" eb="3">
      <t>タンイセイ</t>
    </rPh>
    <rPh sb="3" eb="6">
      <t>フツウカ</t>
    </rPh>
    <phoneticPr fontId="20"/>
  </si>
  <si>
    <t>県立伊志田</t>
    <rPh sb="0" eb="2">
      <t>ケンリツ</t>
    </rPh>
    <rPh sb="2" eb="3">
      <t>イ</t>
    </rPh>
    <rPh sb="3" eb="5">
      <t>シダ</t>
    </rPh>
    <phoneticPr fontId="12"/>
  </si>
  <si>
    <t>　県　立　　計</t>
    <rPh sb="1" eb="2">
      <t>ケン</t>
    </rPh>
    <rPh sb="3" eb="4">
      <t>タテ</t>
    </rPh>
    <rPh sb="6" eb="7">
      <t>ケイ</t>
    </rPh>
    <phoneticPr fontId="13"/>
  </si>
  <si>
    <t>単位制普通科</t>
    <rPh sb="0" eb="3">
      <t>タン</t>
    </rPh>
    <rPh sb="3" eb="5">
      <t>フツウ</t>
    </rPh>
    <rPh sb="5" eb="6">
      <t>カ</t>
    </rPh>
    <phoneticPr fontId="13"/>
  </si>
  <si>
    <t>※　県立横浜国際高等学校の単位制国際科は、単位制国際科国際バカロレアコースを除く単位制国際科です。</t>
    <rPh sb="40" eb="43">
      <t>タンイセイ</t>
    </rPh>
    <phoneticPr fontId="13"/>
  </si>
  <si>
    <t>在県外国人等特別募集（全日制）</t>
    <rPh sb="0" eb="1">
      <t>ザイ</t>
    </rPh>
    <rPh sb="1" eb="2">
      <t>ケン</t>
    </rPh>
    <rPh sb="2" eb="4">
      <t>ガイコク</t>
    </rPh>
    <rPh sb="4" eb="5">
      <t>ジン</t>
    </rPh>
    <rPh sb="5" eb="6">
      <t>ナド</t>
    </rPh>
    <rPh sb="6" eb="8">
      <t>トクベツ</t>
    </rPh>
    <rPh sb="8" eb="10">
      <t>ボシュウ</t>
    </rPh>
    <rPh sb="11" eb="12">
      <t>ゼン</t>
    </rPh>
    <rPh sb="12" eb="13">
      <t>ニチ</t>
    </rPh>
    <rPh sb="13" eb="14">
      <t>セイ</t>
    </rPh>
    <phoneticPr fontId="13"/>
  </si>
  <si>
    <t>県立鶴見総合</t>
    <rPh sb="0" eb="2">
      <t>ケンリツ</t>
    </rPh>
    <rPh sb="2" eb="4">
      <t>ツルミ</t>
    </rPh>
    <rPh sb="4" eb="6">
      <t>ソウゴウ</t>
    </rPh>
    <phoneticPr fontId="13"/>
  </si>
  <si>
    <t>県立横浜清陵</t>
    <rPh sb="0" eb="2">
      <t>ケンリツ</t>
    </rPh>
    <rPh sb="2" eb="4">
      <t>ヨコハマ</t>
    </rPh>
    <rPh sb="4" eb="6">
      <t>セイリョウ</t>
    </rPh>
    <phoneticPr fontId="20"/>
  </si>
  <si>
    <t>単位制普通科</t>
    <rPh sb="0" eb="3">
      <t>タンイセイ</t>
    </rPh>
    <rPh sb="3" eb="5">
      <t>フツウ</t>
    </rPh>
    <rPh sb="5" eb="6">
      <t>カ</t>
    </rPh>
    <phoneticPr fontId="12"/>
  </si>
  <si>
    <t>県立磯子工業</t>
    <rPh sb="0" eb="2">
      <t>ケンリツ</t>
    </rPh>
    <rPh sb="2" eb="4">
      <t>イソゴ</t>
    </rPh>
    <rPh sb="4" eb="6">
      <t>コウギョウ</t>
    </rPh>
    <phoneticPr fontId="13"/>
  </si>
  <si>
    <t>化学科</t>
    <rPh sb="0" eb="3">
      <t>カガクカ</t>
    </rPh>
    <phoneticPr fontId="13"/>
  </si>
  <si>
    <t>県立新栄</t>
    <rPh sb="0" eb="2">
      <t>ケンリツ</t>
    </rPh>
    <rPh sb="2" eb="4">
      <t>シンエイ</t>
    </rPh>
    <phoneticPr fontId="20"/>
  </si>
  <si>
    <t>普通科</t>
  </si>
  <si>
    <t>県立川崎</t>
    <rPh sb="0" eb="2">
      <t>ケンリツ</t>
    </rPh>
    <rPh sb="2" eb="4">
      <t>カワサキ</t>
    </rPh>
    <phoneticPr fontId="20"/>
  </si>
  <si>
    <t>県立大師</t>
    <rPh sb="0" eb="2">
      <t>ケンリツ</t>
    </rPh>
    <rPh sb="2" eb="4">
      <t>ダイシ</t>
    </rPh>
    <phoneticPr fontId="20"/>
  </si>
  <si>
    <t>県立橋本</t>
    <rPh sb="0" eb="2">
      <t>ケンリツ</t>
    </rPh>
    <rPh sb="2" eb="4">
      <t>ハシモト</t>
    </rPh>
    <phoneticPr fontId="13"/>
  </si>
  <si>
    <t>単位制普通科</t>
    <rPh sb="0" eb="3">
      <t>タンイセイ</t>
    </rPh>
    <rPh sb="3" eb="5">
      <t>フツウ</t>
    </rPh>
    <rPh sb="5" eb="6">
      <t>カ</t>
    </rPh>
    <phoneticPr fontId="3"/>
  </si>
  <si>
    <t>県立高浜</t>
    <rPh sb="0" eb="2">
      <t>ケンリツ</t>
    </rPh>
    <rPh sb="2" eb="4">
      <t>タカハマ</t>
    </rPh>
    <phoneticPr fontId="20"/>
  </si>
  <si>
    <t>県立藤沢総合</t>
    <rPh sb="0" eb="2">
      <t>ケンリツ</t>
    </rPh>
    <rPh sb="2" eb="4">
      <t>フジサワ</t>
    </rPh>
    <rPh sb="4" eb="6">
      <t>ソウゴウ</t>
    </rPh>
    <phoneticPr fontId="20"/>
  </si>
  <si>
    <t>県立大和南</t>
    <rPh sb="0" eb="2">
      <t>ケンリツ</t>
    </rPh>
    <rPh sb="2" eb="4">
      <t>ヤマト</t>
    </rPh>
    <rPh sb="4" eb="5">
      <t>ミナミ</t>
    </rPh>
    <phoneticPr fontId="20"/>
  </si>
  <si>
    <t>普通科</t>
    <rPh sb="0" eb="2">
      <t>フツウ</t>
    </rPh>
    <rPh sb="2" eb="3">
      <t>カ</t>
    </rPh>
    <phoneticPr fontId="12"/>
  </si>
  <si>
    <t>県立伊勢原</t>
    <rPh sb="0" eb="2">
      <t>ケンリツ</t>
    </rPh>
    <rPh sb="2" eb="5">
      <t>イセハラ</t>
    </rPh>
    <phoneticPr fontId="12"/>
  </si>
  <si>
    <t>県立愛川</t>
    <rPh sb="0" eb="1">
      <t>ケン</t>
    </rPh>
    <rPh sb="1" eb="2">
      <t>リツ</t>
    </rPh>
    <rPh sb="2" eb="4">
      <t>アイカワ</t>
    </rPh>
    <phoneticPr fontId="13"/>
  </si>
  <si>
    <t>横浜市立みなと総合</t>
    <rPh sb="0" eb="4">
      <t>ヨコハマシリツ</t>
    </rPh>
    <rPh sb="7" eb="9">
      <t>ソウゴウ</t>
    </rPh>
    <phoneticPr fontId="20"/>
  </si>
  <si>
    <t>総合学科</t>
    <rPh sb="0" eb="4">
      <t>ソウゴウガッカ</t>
    </rPh>
    <phoneticPr fontId="12"/>
  </si>
  <si>
    <t>横浜市立横浜商業</t>
    <rPh sb="0" eb="4">
      <t>ヨコハマシリツ</t>
    </rPh>
    <rPh sb="4" eb="6">
      <t>ヨコハマ</t>
    </rPh>
    <rPh sb="6" eb="8">
      <t>ショウギョウ</t>
    </rPh>
    <phoneticPr fontId="13"/>
  </si>
  <si>
    <t>　市　立　　計</t>
    <rPh sb="1" eb="2">
      <t>シ</t>
    </rPh>
    <rPh sb="3" eb="4">
      <t>タテ</t>
    </rPh>
    <rPh sb="6" eb="7">
      <t>ケイ</t>
    </rPh>
    <phoneticPr fontId="13"/>
  </si>
  <si>
    <t>在県外国人等特別募集（定時制）</t>
    <rPh sb="0" eb="1">
      <t>ザイ</t>
    </rPh>
    <rPh sb="1" eb="2">
      <t>ケン</t>
    </rPh>
    <rPh sb="2" eb="4">
      <t>ガイコク</t>
    </rPh>
    <rPh sb="4" eb="5">
      <t>ジン</t>
    </rPh>
    <rPh sb="5" eb="6">
      <t>ナド</t>
    </rPh>
    <rPh sb="6" eb="8">
      <t>トクベツ</t>
    </rPh>
    <rPh sb="8" eb="10">
      <t>ボシュウ</t>
    </rPh>
    <rPh sb="11" eb="14">
      <t>テイジセイ</t>
    </rPh>
    <phoneticPr fontId="13"/>
  </si>
  <si>
    <t xml:space="preserve"> 学 科 ・ 部名</t>
    <rPh sb="1" eb="2">
      <t>ガク</t>
    </rPh>
    <rPh sb="3" eb="4">
      <t>カ</t>
    </rPh>
    <rPh sb="7" eb="8">
      <t>ブ</t>
    </rPh>
    <rPh sb="8" eb="9">
      <t>ナ</t>
    </rPh>
    <phoneticPr fontId="3"/>
  </si>
  <si>
    <t>県立横浜明朋</t>
    <rPh sb="0" eb="2">
      <t>ケンリツ</t>
    </rPh>
    <rPh sb="2" eb="4">
      <t>ヨコハマ</t>
    </rPh>
    <rPh sb="4" eb="5">
      <t>メイ</t>
    </rPh>
    <rPh sb="5" eb="6">
      <t>ホウ</t>
    </rPh>
    <phoneticPr fontId="20"/>
  </si>
  <si>
    <t>単位制普通科 午前部</t>
    <rPh sb="0" eb="3">
      <t>タンイセイ</t>
    </rPh>
    <rPh sb="3" eb="5">
      <t>フツウ</t>
    </rPh>
    <rPh sb="5" eb="6">
      <t>カ</t>
    </rPh>
    <rPh sb="7" eb="9">
      <t>ゴゼン</t>
    </rPh>
    <rPh sb="9" eb="10">
      <t>ブ</t>
    </rPh>
    <phoneticPr fontId="20"/>
  </si>
  <si>
    <t>単位制普通科 午後部</t>
    <rPh sb="0" eb="3">
      <t>タンイセイ</t>
    </rPh>
    <rPh sb="3" eb="5">
      <t>フツウ</t>
    </rPh>
    <rPh sb="5" eb="6">
      <t>カ</t>
    </rPh>
    <rPh sb="7" eb="9">
      <t>ゴゴ</t>
    </rPh>
    <rPh sb="9" eb="10">
      <t>ブ</t>
    </rPh>
    <phoneticPr fontId="20"/>
  </si>
  <si>
    <t>県立相模向陽館</t>
    <rPh sb="0" eb="2">
      <t>ケンリツ</t>
    </rPh>
    <rPh sb="2" eb="4">
      <t>サガミ</t>
    </rPh>
    <rPh sb="4" eb="5">
      <t>コウ</t>
    </rPh>
    <rPh sb="5" eb="6">
      <t>ヨウ</t>
    </rPh>
    <rPh sb="6" eb="7">
      <t>カン</t>
    </rPh>
    <phoneticPr fontId="13"/>
  </si>
  <si>
    <t>単位制普通科 午前部</t>
    <rPh sb="0" eb="3">
      <t>タンイセイ</t>
    </rPh>
    <rPh sb="3" eb="6">
      <t>フツウカ</t>
    </rPh>
    <rPh sb="7" eb="9">
      <t>ゴゼン</t>
    </rPh>
    <rPh sb="9" eb="10">
      <t>ブ</t>
    </rPh>
    <phoneticPr fontId="3"/>
  </si>
  <si>
    <t>単位制普通科 午後部</t>
    <rPh sb="0" eb="3">
      <t>タンイセイ</t>
    </rPh>
    <rPh sb="3" eb="6">
      <t>フツウカ</t>
    </rPh>
    <rPh sb="7" eb="9">
      <t>ゴゴ</t>
    </rPh>
    <rPh sb="9" eb="10">
      <t>ブ</t>
    </rPh>
    <phoneticPr fontId="3"/>
  </si>
  <si>
    <t>横浜市立横浜総合</t>
    <rPh sb="0" eb="3">
      <t>ヨコハマシ</t>
    </rPh>
    <rPh sb="3" eb="4">
      <t>リツ</t>
    </rPh>
    <rPh sb="4" eb="6">
      <t>ヨコハマ</t>
    </rPh>
    <rPh sb="6" eb="8">
      <t>ソウゴウ</t>
    </rPh>
    <phoneticPr fontId="3"/>
  </si>
  <si>
    <t>総合学科 Ⅱ部</t>
    <rPh sb="0" eb="2">
      <t>ソウゴウ</t>
    </rPh>
    <rPh sb="2" eb="4">
      <t>ガッカ</t>
    </rPh>
    <rPh sb="6" eb="7">
      <t>ブ</t>
    </rPh>
    <phoneticPr fontId="3"/>
  </si>
  <si>
    <t>川崎市立川崎</t>
    <rPh sb="0" eb="3">
      <t>カワサキシ</t>
    </rPh>
    <rPh sb="3" eb="4">
      <t>リツ</t>
    </rPh>
    <rPh sb="4" eb="6">
      <t>カワサキ</t>
    </rPh>
    <phoneticPr fontId="3"/>
  </si>
  <si>
    <t>普通科 昼間部</t>
    <rPh sb="0" eb="3">
      <t>フツウカ</t>
    </rPh>
    <rPh sb="4" eb="6">
      <t>チュウカン</t>
    </rPh>
    <rPh sb="6" eb="7">
      <t>ブ</t>
    </rPh>
    <phoneticPr fontId="3"/>
  </si>
  <si>
    <t>インクルーシブ教育実践推進校特別募集</t>
    <rPh sb="7" eb="9">
      <t>キョウイク</t>
    </rPh>
    <rPh sb="9" eb="11">
      <t>ジッセン</t>
    </rPh>
    <rPh sb="11" eb="13">
      <t>スイシン</t>
    </rPh>
    <rPh sb="13" eb="14">
      <t>コウコウ</t>
    </rPh>
    <rPh sb="14" eb="18">
      <t>トクベツボシュウ</t>
    </rPh>
    <phoneticPr fontId="13"/>
  </si>
  <si>
    <t>県立城郷</t>
    <rPh sb="0" eb="2">
      <t>ケンリツ</t>
    </rPh>
    <rPh sb="2" eb="4">
      <t>シロサト</t>
    </rPh>
    <phoneticPr fontId="20"/>
  </si>
  <si>
    <t>県立横浜南陵</t>
    <rPh sb="2" eb="4">
      <t>ヨコハマ</t>
    </rPh>
    <rPh sb="4" eb="6">
      <t>ナンリョウ</t>
    </rPh>
    <phoneticPr fontId="13"/>
  </si>
  <si>
    <t>県立保土ケ谷</t>
    <rPh sb="0" eb="2">
      <t>ケンリツ</t>
    </rPh>
    <rPh sb="2" eb="6">
      <t>ホドガヤ</t>
    </rPh>
    <phoneticPr fontId="13"/>
  </si>
  <si>
    <t>県立霧が丘</t>
    <rPh sb="0" eb="2">
      <t>ケンリツ</t>
    </rPh>
    <rPh sb="2" eb="3">
      <t>キリ</t>
    </rPh>
    <rPh sb="4" eb="5">
      <t>オカ</t>
    </rPh>
    <phoneticPr fontId="20"/>
  </si>
  <si>
    <t>県立白山</t>
    <rPh sb="2" eb="4">
      <t>ハクサン</t>
    </rPh>
    <phoneticPr fontId="13"/>
  </si>
  <si>
    <t>県立上矢部</t>
    <rPh sb="0" eb="2">
      <t>ケンリツ</t>
    </rPh>
    <rPh sb="2" eb="5">
      <t>カミヤベ</t>
    </rPh>
    <phoneticPr fontId="20"/>
  </si>
  <si>
    <t>県立川崎北</t>
    <rPh sb="0" eb="2">
      <t>ケンリツ</t>
    </rPh>
    <rPh sb="2" eb="4">
      <t>カワサキ</t>
    </rPh>
    <rPh sb="4" eb="5">
      <t>キタ</t>
    </rPh>
    <phoneticPr fontId="20"/>
  </si>
  <si>
    <t>県立菅</t>
    <rPh sb="0" eb="2">
      <t>ケンリツ</t>
    </rPh>
    <rPh sb="2" eb="3">
      <t>スゲ</t>
    </rPh>
    <phoneticPr fontId="13"/>
  </si>
  <si>
    <t>県立橋本</t>
    <rPh sb="0" eb="2">
      <t>ケンリツ</t>
    </rPh>
    <rPh sb="2" eb="4">
      <t>ハシモト</t>
    </rPh>
    <phoneticPr fontId="20"/>
  </si>
  <si>
    <t>県立上鶴間</t>
    <rPh sb="0" eb="2">
      <t>ケンリツ</t>
    </rPh>
    <rPh sb="2" eb="5">
      <t>カミツルマ</t>
    </rPh>
    <phoneticPr fontId="20"/>
  </si>
  <si>
    <t>県立津久井浜</t>
    <rPh sb="2" eb="5">
      <t>ツクイ</t>
    </rPh>
    <rPh sb="5" eb="6">
      <t>ハマ</t>
    </rPh>
    <phoneticPr fontId="20"/>
  </si>
  <si>
    <t>県立湘南台</t>
    <rPh sb="0" eb="2">
      <t>ケンリツ</t>
    </rPh>
    <rPh sb="2" eb="5">
      <t>ショウナンダイ</t>
    </rPh>
    <phoneticPr fontId="20"/>
  </si>
  <si>
    <t>県立茅ケ崎</t>
    <rPh sb="0" eb="2">
      <t>ケンリツ</t>
    </rPh>
    <rPh sb="2" eb="5">
      <t>チガサキ</t>
    </rPh>
    <phoneticPr fontId="20"/>
  </si>
  <si>
    <t>県立厚木西</t>
    <rPh sb="0" eb="2">
      <t>ケンリツ</t>
    </rPh>
    <rPh sb="2" eb="4">
      <t>アツギ</t>
    </rPh>
    <rPh sb="4" eb="5">
      <t>ニシ</t>
    </rPh>
    <phoneticPr fontId="20"/>
  </si>
  <si>
    <t>県立伊勢原</t>
    <rPh sb="0" eb="2">
      <t>ケンリツ</t>
    </rPh>
    <rPh sb="2" eb="5">
      <t>イセハラ</t>
    </rPh>
    <phoneticPr fontId="20"/>
  </si>
  <si>
    <t>県立足柄</t>
    <rPh sb="0" eb="2">
      <t>ケンリツ</t>
    </rPh>
    <rPh sb="2" eb="4">
      <t>アシガラ</t>
    </rPh>
    <phoneticPr fontId="20"/>
  </si>
  <si>
    <t>県立綾瀬</t>
    <rPh sb="0" eb="2">
      <t>ケンリツ</t>
    </rPh>
    <rPh sb="2" eb="4">
      <t>アヤセ</t>
    </rPh>
    <phoneticPr fontId="20"/>
  </si>
  <si>
    <t>県立二宮</t>
    <rPh sb="0" eb="2">
      <t>ケンリツ</t>
    </rPh>
    <rPh sb="2" eb="4">
      <t>ニノミヤ</t>
    </rPh>
    <phoneticPr fontId="20"/>
  </si>
  <si>
    <t>中途退学者募集</t>
    <rPh sb="0" eb="5">
      <t>チュウトタイガクシャ</t>
    </rPh>
    <rPh sb="5" eb="7">
      <t>ボシュウ</t>
    </rPh>
    <phoneticPr fontId="13"/>
  </si>
  <si>
    <t>県立横浜桜陽</t>
    <rPh sb="0" eb="2">
      <t>ケンリツ</t>
    </rPh>
    <rPh sb="2" eb="4">
      <t>ヨコハマ</t>
    </rPh>
    <rPh sb="4" eb="6">
      <t>オウヨウ</t>
    </rPh>
    <phoneticPr fontId="20"/>
  </si>
  <si>
    <t>単位制普通科</t>
    <rPh sb="0" eb="3">
      <t>タンイ</t>
    </rPh>
    <rPh sb="3" eb="5">
      <t>フツウ</t>
    </rPh>
    <rPh sb="5" eb="6">
      <t>カ</t>
    </rPh>
    <phoneticPr fontId="12"/>
  </si>
  <si>
    <t>県立厚木清南</t>
    <rPh sb="0" eb="2">
      <t>ケンリツ</t>
    </rPh>
    <rPh sb="2" eb="4">
      <t>アツギ</t>
    </rPh>
    <rPh sb="4" eb="6">
      <t>セイナン</t>
    </rPh>
    <phoneticPr fontId="20"/>
  </si>
  <si>
    <t>５　別科志願締切時志願状況</t>
    <rPh sb="4" eb="6">
      <t>シガン</t>
    </rPh>
    <rPh sb="6" eb="8">
      <t>シメキリ</t>
    </rPh>
    <rPh sb="8" eb="9">
      <t>ジ</t>
    </rPh>
    <rPh sb="9" eb="11">
      <t>シガン</t>
    </rPh>
    <phoneticPr fontId="3"/>
  </si>
  <si>
    <t>別科</t>
    <rPh sb="0" eb="2">
      <t>ベッカ</t>
    </rPh>
    <phoneticPr fontId="3"/>
  </si>
  <si>
    <t>(B/A)</t>
    <phoneticPr fontId="3"/>
  </si>
  <si>
    <t>理容科</t>
    <rPh sb="0" eb="2">
      <t>リヨウ</t>
    </rPh>
    <rPh sb="2" eb="3">
      <t>カ</t>
    </rPh>
    <phoneticPr fontId="13"/>
  </si>
  <si>
    <t>美容科</t>
    <rPh sb="0" eb="2">
      <t>ビヨウ</t>
    </rPh>
    <rPh sb="2" eb="3">
      <t>カ</t>
    </rPh>
    <phoneticPr fontId="1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2">
    <numFmt numFmtId="176" formatCode="#,##0_);[Red]\(#,##0\)"/>
    <numFmt numFmtId="177" formatCode="0_ "/>
    <numFmt numFmtId="178" formatCode="#,##0.00_ "/>
    <numFmt numFmtId="179" formatCode="#,##0.00_);[Red]\(#,##0.00\)"/>
    <numFmt numFmtId="180" formatCode="#,##0.00_ ;[Red]\-#,##0.00\ "/>
    <numFmt numFmtId="181" formatCode="#,##0_ "/>
    <numFmt numFmtId="182" formatCode="0.00_ ;[Red]\-0.00\ "/>
    <numFmt numFmtId="183" formatCode="0.00_ "/>
    <numFmt numFmtId="184" formatCode="0_);[Red]\(0\)"/>
    <numFmt numFmtId="185" formatCode="0.00_);[Red]\(0.00\)"/>
    <numFmt numFmtId="186" formatCode="0_ ;[Red]\-0\ "/>
    <numFmt numFmtId="187" formatCode="0.00\ "/>
  </numFmts>
  <fonts count="25" x14ac:knownFonts="1">
    <font>
      <sz val="12"/>
      <name val="ＭＳ 明朝"/>
      <family val="1"/>
      <charset val="128"/>
    </font>
    <font>
      <sz val="12"/>
      <name val="ＭＳ 明朝"/>
      <family val="1"/>
      <charset val="128"/>
    </font>
    <font>
      <sz val="12"/>
      <color theme="1"/>
      <name val="ＭＳ 明朝"/>
      <family val="1"/>
      <charset val="128"/>
    </font>
    <font>
      <sz val="6"/>
      <name val="ＭＳ 明朝"/>
      <family val="1"/>
      <charset val="128"/>
    </font>
    <font>
      <sz val="16"/>
      <color theme="1"/>
      <name val="ＭＳ 明朝"/>
      <family val="1"/>
      <charset val="128"/>
    </font>
    <font>
      <sz val="11"/>
      <name val="ＭＳ 明朝"/>
      <family val="1"/>
      <charset val="128"/>
    </font>
    <font>
      <sz val="11"/>
      <color theme="1"/>
      <name val="ＭＳ Ｐ明朝"/>
      <family val="1"/>
      <charset val="128"/>
    </font>
    <font>
      <sz val="12"/>
      <color theme="1"/>
      <name val="ＭＳ Ｐ明朝"/>
      <family val="1"/>
      <charset val="128"/>
    </font>
    <font>
      <sz val="11"/>
      <name val="ＭＳ Ｐ明朝"/>
      <family val="1"/>
      <charset val="128"/>
    </font>
    <font>
      <sz val="9"/>
      <color theme="1"/>
      <name val="ＭＳ Ｐ明朝"/>
      <family val="1"/>
      <charset val="128"/>
    </font>
    <font>
      <sz val="11"/>
      <name val="ＭＳ Ｐゴシック"/>
      <family val="3"/>
      <charset val="128"/>
    </font>
    <font>
      <sz val="11"/>
      <color theme="1"/>
      <name val="ＭＳ 明朝"/>
      <family val="1"/>
      <charset val="128"/>
    </font>
    <font>
      <sz val="11"/>
      <color indexed="8"/>
      <name val="ＭＳ Ｐゴシック"/>
      <family val="3"/>
      <charset val="128"/>
    </font>
    <font>
      <sz val="6"/>
      <name val="ＭＳ Ｐ明朝"/>
      <family val="1"/>
      <charset val="128"/>
    </font>
    <font>
      <b/>
      <sz val="11"/>
      <color theme="1"/>
      <name val="ＭＳ Ｐ明朝"/>
      <family val="1"/>
      <charset val="128"/>
    </font>
    <font>
      <sz val="10"/>
      <color theme="1"/>
      <name val="ＭＳ Ｐ明朝"/>
      <family val="1"/>
      <charset val="128"/>
    </font>
    <font>
      <strike/>
      <sz val="11"/>
      <name val="ＭＳ Ｐ明朝"/>
      <family val="1"/>
      <charset val="128"/>
    </font>
    <font>
      <b/>
      <sz val="11"/>
      <name val="ＭＳ Ｐ明朝"/>
      <family val="1"/>
      <charset val="128"/>
    </font>
    <font>
      <sz val="8"/>
      <name val="ＭＳ Ｐ明朝"/>
      <family val="1"/>
      <charset val="128"/>
    </font>
    <font>
      <sz val="8"/>
      <color theme="1"/>
      <name val="ＭＳ Ｐ明朝"/>
      <family val="1"/>
      <charset val="128"/>
    </font>
    <font>
      <sz val="11"/>
      <color indexed="60"/>
      <name val="ＭＳ Ｐゴシック"/>
      <family val="3"/>
      <charset val="128"/>
    </font>
    <font>
      <sz val="12"/>
      <name val="ＭＳ Ｐ明朝"/>
      <family val="1"/>
      <charset val="128"/>
    </font>
    <font>
      <sz val="9"/>
      <name val="ＭＳ Ｐ明朝"/>
      <family val="1"/>
      <charset val="128"/>
    </font>
    <font>
      <sz val="10"/>
      <name val="ＭＳ Ｐ明朝"/>
      <family val="1"/>
      <charset val="128"/>
    </font>
    <font>
      <b/>
      <sz val="14"/>
      <name val="ＭＳ Ｐ明朝"/>
      <family val="1"/>
      <charset val="128"/>
    </font>
  </fonts>
  <fills count="2">
    <fill>
      <patternFill patternType="none"/>
    </fill>
    <fill>
      <patternFill patternType="gray125"/>
    </fill>
  </fills>
  <borders count="40">
    <border>
      <left/>
      <right/>
      <top/>
      <bottom/>
      <diagonal/>
    </border>
    <border>
      <left style="thin">
        <color indexed="64"/>
      </left>
      <right style="hair">
        <color indexed="64"/>
      </right>
      <top style="thin">
        <color indexed="64"/>
      </top>
      <bottom/>
      <diagonal/>
    </border>
    <border>
      <left/>
      <right/>
      <top style="thin">
        <color auto="1"/>
      </top>
      <bottom/>
      <diagonal/>
    </border>
    <border>
      <left/>
      <right style="thin">
        <color indexed="64"/>
      </right>
      <top style="thin">
        <color indexed="64"/>
      </top>
      <bottom/>
      <diagonal/>
    </border>
    <border>
      <left style="thin">
        <color indexed="64"/>
      </left>
      <right/>
      <top/>
      <bottom/>
      <diagonal/>
    </border>
    <border>
      <left style="thin">
        <color indexed="64"/>
      </left>
      <right/>
      <top style="thin">
        <color indexed="64"/>
      </top>
      <bottom/>
      <diagonal/>
    </border>
    <border>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diagonal/>
    </border>
    <border>
      <left style="hair">
        <color indexed="64"/>
      </left>
      <right style="hair">
        <color indexed="64"/>
      </right>
      <top style="hair">
        <color indexed="64"/>
      </top>
      <bottom/>
      <diagonal/>
    </border>
    <border>
      <left style="hair">
        <color indexed="64"/>
      </left>
      <right style="thin">
        <color indexed="64"/>
      </right>
      <top/>
      <bottom/>
      <diagonal/>
    </border>
    <border>
      <left style="thin">
        <color indexed="64"/>
      </left>
      <right/>
      <top/>
      <bottom style="hair">
        <color indexed="64"/>
      </bottom>
      <diagonal/>
    </border>
    <border>
      <left/>
      <right/>
      <top/>
      <bottom style="hair">
        <color indexed="64"/>
      </bottom>
      <diagonal/>
    </border>
    <border>
      <left/>
      <right style="thin">
        <color indexed="64"/>
      </right>
      <top/>
      <bottom/>
      <diagonal/>
    </border>
    <border>
      <left/>
      <right style="hair">
        <color indexed="64"/>
      </right>
      <top/>
      <bottom/>
      <diagonal/>
    </border>
    <border>
      <left style="hair">
        <color indexed="64"/>
      </left>
      <right/>
      <top/>
      <bottom/>
      <diagonal/>
    </border>
    <border>
      <left style="hair">
        <color indexed="64"/>
      </left>
      <right style="hair">
        <color indexed="64"/>
      </right>
      <top/>
      <bottom/>
      <diagonal/>
    </border>
    <border>
      <left style="thin">
        <color indexed="64"/>
      </left>
      <right style="hair">
        <color indexed="64"/>
      </right>
      <top style="hair">
        <color indexed="64"/>
      </top>
      <bottom/>
      <diagonal/>
    </border>
    <border>
      <left style="hair">
        <color indexed="64"/>
      </left>
      <right/>
      <top style="hair">
        <color indexed="64"/>
      </top>
      <bottom/>
      <diagonal/>
    </border>
    <border>
      <left style="thin">
        <color indexed="64"/>
      </left>
      <right style="hair">
        <color indexed="64"/>
      </right>
      <top/>
      <bottom style="thin">
        <color indexed="64"/>
      </bottom>
      <diagonal/>
    </border>
    <border>
      <left style="hair">
        <color indexed="64"/>
      </left>
      <right/>
      <top/>
      <bottom style="thin">
        <color indexed="64"/>
      </bottom>
      <diagonal/>
    </border>
    <border>
      <left/>
      <right/>
      <top/>
      <bottom style="thin">
        <color indexed="64"/>
      </bottom>
      <diagonal/>
    </border>
    <border>
      <left style="hair">
        <color indexed="64"/>
      </left>
      <right style="hair">
        <color indexed="64"/>
      </right>
      <top/>
      <bottom style="thin">
        <color indexed="64"/>
      </bottom>
      <diagonal/>
    </border>
    <border>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style="thin">
        <color indexed="64"/>
      </top>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bottom style="hair">
        <color indexed="64"/>
      </bottom>
      <diagonal/>
    </border>
    <border>
      <left style="hair">
        <color indexed="64"/>
      </left>
      <right/>
      <top/>
      <bottom style="hair">
        <color indexed="64"/>
      </bottom>
      <diagonal/>
    </border>
    <border>
      <left/>
      <right style="hair">
        <color indexed="64"/>
      </right>
      <top/>
      <bottom style="hair">
        <color indexed="64"/>
      </bottom>
      <diagonal/>
    </border>
    <border>
      <left/>
      <right style="thin">
        <color indexed="64"/>
      </right>
      <top/>
      <bottom style="hair">
        <color indexed="64"/>
      </bottom>
      <diagonal/>
    </border>
    <border>
      <left/>
      <right/>
      <top style="hair">
        <color indexed="64"/>
      </top>
      <bottom/>
      <diagonal/>
    </border>
    <border>
      <left/>
      <right style="hair">
        <color indexed="64"/>
      </right>
      <top style="hair">
        <color indexed="64"/>
      </top>
      <bottom/>
      <diagonal/>
    </border>
    <border>
      <left/>
      <right style="thin">
        <color indexed="64"/>
      </right>
      <top style="hair">
        <color indexed="64"/>
      </top>
      <bottom/>
      <diagonal/>
    </border>
    <border>
      <left/>
      <right style="thin">
        <color indexed="64"/>
      </right>
      <top/>
      <bottom style="thin">
        <color indexed="64"/>
      </bottom>
      <diagonal/>
    </border>
    <border>
      <left style="thin">
        <color indexed="64"/>
      </left>
      <right/>
      <top style="hair">
        <color indexed="64"/>
      </top>
      <bottom/>
      <diagonal/>
    </border>
    <border>
      <left style="thin">
        <color indexed="64"/>
      </left>
      <right/>
      <top/>
      <bottom style="thin">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diagonal/>
    </border>
    <border>
      <left/>
      <right/>
      <top style="thin">
        <color indexed="64"/>
      </top>
      <bottom style="hair">
        <color indexed="64"/>
      </bottom>
      <diagonal/>
    </border>
  </borders>
  <cellStyleXfs count="6">
    <xf numFmtId="0" fontId="0" fillId="0" borderId="0">
      <alignment vertical="center"/>
    </xf>
    <xf numFmtId="38" fontId="1" fillId="0" borderId="0" applyFont="0" applyFill="0" applyBorder="0" applyAlignment="0" applyProtection="0">
      <alignment vertical="center"/>
    </xf>
    <xf numFmtId="0" fontId="5" fillId="0" borderId="0"/>
    <xf numFmtId="38" fontId="10" fillId="0" borderId="0" applyFont="0" applyFill="0" applyBorder="0" applyAlignment="0" applyProtection="0"/>
    <xf numFmtId="0" fontId="5" fillId="0" borderId="0"/>
    <xf numFmtId="0" fontId="5" fillId="0" borderId="0"/>
  </cellStyleXfs>
  <cellXfs count="648">
    <xf numFmtId="0" fontId="0" fillId="0" borderId="0" xfId="0">
      <alignment vertical="center"/>
    </xf>
    <xf numFmtId="0" fontId="2" fillId="0" borderId="0" xfId="0" applyFont="1" applyAlignment="1">
      <alignment horizontal="left" vertical="top" wrapText="1"/>
    </xf>
    <xf numFmtId="0" fontId="4" fillId="0" borderId="0" xfId="0" applyFont="1" applyAlignment="1">
      <alignment horizontal="center" vertical="center"/>
    </xf>
    <xf numFmtId="0" fontId="6" fillId="0" borderId="0" xfId="2" applyFont="1" applyAlignment="1">
      <alignment vertical="center"/>
    </xf>
    <xf numFmtId="0" fontId="7" fillId="0" borderId="0" xfId="2" applyFont="1"/>
    <xf numFmtId="176" fontId="6" fillId="0" borderId="0" xfId="1" applyNumberFormat="1" applyFont="1" applyFill="1" applyAlignment="1">
      <alignment vertical="center"/>
    </xf>
    <xf numFmtId="176" fontId="6" fillId="0" borderId="0" xfId="2" applyNumberFormat="1" applyFont="1" applyAlignment="1">
      <alignment vertical="center"/>
    </xf>
    <xf numFmtId="176" fontId="8" fillId="0" borderId="0" xfId="2" applyNumberFormat="1" applyFont="1" applyAlignment="1">
      <alignment vertical="center"/>
    </xf>
    <xf numFmtId="0" fontId="7" fillId="0" borderId="0" xfId="2" applyFont="1" applyAlignment="1">
      <alignment horizontal="center" vertical="center"/>
    </xf>
    <xf numFmtId="0" fontId="6" fillId="0" borderId="0" xfId="0" applyFont="1" applyAlignment="1"/>
    <xf numFmtId="0" fontId="6" fillId="0" borderId="0" xfId="0" applyFont="1" applyAlignment="1">
      <alignment horizontal="center" vertical="center"/>
    </xf>
    <xf numFmtId="0" fontId="6" fillId="0" borderId="1" xfId="2" applyFont="1" applyBorder="1" applyAlignment="1">
      <alignment horizontal="center" vertical="center" textRotation="255"/>
    </xf>
    <xf numFmtId="0" fontId="6" fillId="0" borderId="2" xfId="2" applyFont="1" applyBorder="1" applyAlignment="1">
      <alignment horizontal="center" vertical="center" textRotation="255"/>
    </xf>
    <xf numFmtId="0" fontId="6" fillId="0" borderId="2" xfId="2" applyFont="1" applyBorder="1" applyAlignment="1">
      <alignment horizontal="center" vertical="center"/>
    </xf>
    <xf numFmtId="176" fontId="6" fillId="0" borderId="2" xfId="1" applyNumberFormat="1" applyFont="1" applyFill="1" applyBorder="1" applyAlignment="1">
      <alignment horizontal="center" vertical="center"/>
    </xf>
    <xf numFmtId="0" fontId="6" fillId="0" borderId="2" xfId="2" applyFont="1" applyBorder="1" applyAlignment="1">
      <alignment vertical="center"/>
    </xf>
    <xf numFmtId="176" fontId="8" fillId="0" borderId="3" xfId="2" applyNumberFormat="1" applyFont="1" applyBorder="1" applyAlignment="1">
      <alignment horizontal="center" vertical="center"/>
    </xf>
    <xf numFmtId="0" fontId="6" fillId="0" borderId="4" xfId="2" applyFont="1" applyBorder="1" applyAlignment="1">
      <alignment vertical="center"/>
    </xf>
    <xf numFmtId="0" fontId="6" fillId="0" borderId="2" xfId="0" applyFont="1" applyBorder="1" applyAlignment="1">
      <alignment horizontal="center" vertical="center"/>
    </xf>
    <xf numFmtId="0" fontId="6" fillId="0" borderId="8" xfId="2" applyFont="1" applyBorder="1" applyAlignment="1">
      <alignment horizontal="center" vertical="center"/>
    </xf>
    <xf numFmtId="0" fontId="6" fillId="0" borderId="0" xfId="2" applyFont="1" applyAlignment="1">
      <alignment horizontal="center" vertical="center"/>
    </xf>
    <xf numFmtId="176" fontId="6" fillId="0" borderId="9" xfId="1" applyNumberFormat="1" applyFont="1" applyFill="1" applyBorder="1" applyAlignment="1">
      <alignment horizontal="center" vertical="center"/>
    </xf>
    <xf numFmtId="56" fontId="6" fillId="0" borderId="9" xfId="2" quotePrefix="1" applyNumberFormat="1" applyFont="1" applyBorder="1" applyAlignment="1">
      <alignment horizontal="center"/>
    </xf>
    <xf numFmtId="56" fontId="6" fillId="0" borderId="9" xfId="2" quotePrefix="1" applyNumberFormat="1" applyFont="1" applyBorder="1" applyAlignment="1">
      <alignment horizontal="centerContinuous" vertical="center"/>
    </xf>
    <xf numFmtId="0" fontId="6" fillId="0" borderId="9" xfId="2" applyFont="1" applyBorder="1" applyAlignment="1">
      <alignment horizontal="centerContinuous" vertical="center"/>
    </xf>
    <xf numFmtId="56" fontId="6" fillId="0" borderId="9" xfId="2" applyNumberFormat="1" applyFont="1" applyBorder="1" applyAlignment="1">
      <alignment horizontal="center"/>
    </xf>
    <xf numFmtId="176" fontId="8" fillId="0" borderId="10" xfId="2" applyNumberFormat="1" applyFont="1" applyBorder="1" applyAlignment="1">
      <alignment horizontal="center" vertical="center" wrapText="1"/>
    </xf>
    <xf numFmtId="0" fontId="6" fillId="0" borderId="14" xfId="0" applyFont="1" applyBorder="1" applyAlignment="1">
      <alignment horizontal="center" vertical="center"/>
    </xf>
    <xf numFmtId="0" fontId="6" fillId="0" borderId="15" xfId="2" applyFont="1" applyBorder="1" applyAlignment="1">
      <alignment vertical="center"/>
    </xf>
    <xf numFmtId="0" fontId="6" fillId="0" borderId="14" xfId="2" applyFont="1" applyBorder="1" applyAlignment="1">
      <alignment vertical="center"/>
    </xf>
    <xf numFmtId="176" fontId="6" fillId="0" borderId="16" xfId="1" applyNumberFormat="1" applyFont="1" applyFill="1" applyBorder="1" applyAlignment="1">
      <alignment horizontal="center" vertical="center"/>
    </xf>
    <xf numFmtId="176" fontId="6" fillId="0" borderId="16" xfId="2" applyNumberFormat="1" applyFont="1" applyBorder="1" applyAlignment="1">
      <alignment horizontal="center" vertical="center"/>
    </xf>
    <xf numFmtId="0" fontId="6" fillId="0" borderId="16" xfId="2" applyFont="1" applyBorder="1" applyAlignment="1">
      <alignment horizontal="centerContinuous" vertical="center"/>
    </xf>
    <xf numFmtId="176" fontId="6" fillId="0" borderId="16" xfId="2" quotePrefix="1" applyNumberFormat="1" applyFont="1" applyBorder="1" applyAlignment="1">
      <alignment horizontal="center" vertical="center"/>
    </xf>
    <xf numFmtId="0" fontId="6" fillId="0" borderId="16" xfId="2" applyFont="1" applyBorder="1" applyAlignment="1">
      <alignment horizontal="center" vertical="center"/>
    </xf>
    <xf numFmtId="0" fontId="6" fillId="0" borderId="15" xfId="2" applyFont="1" applyBorder="1" applyAlignment="1">
      <alignment horizontal="centerContinuous" vertical="center"/>
    </xf>
    <xf numFmtId="0" fontId="6" fillId="0" borderId="0" xfId="2" applyFont="1" applyAlignment="1">
      <alignment horizontal="centerContinuous" vertical="center"/>
    </xf>
    <xf numFmtId="0" fontId="6" fillId="0" borderId="14" xfId="2" applyFont="1" applyBorder="1" applyAlignment="1">
      <alignment horizontal="centerContinuous" vertical="center"/>
    </xf>
    <xf numFmtId="0" fontId="6" fillId="0" borderId="19" xfId="2" applyFont="1" applyBorder="1" applyAlignment="1">
      <alignment horizontal="center" vertical="center" textRotation="255"/>
    </xf>
    <xf numFmtId="0" fontId="6" fillId="0" borderId="20" xfId="2" applyFont="1" applyBorder="1" applyAlignment="1">
      <alignment horizontal="center" vertical="center" textRotation="255"/>
    </xf>
    <xf numFmtId="0" fontId="6" fillId="0" borderId="21" xfId="2" applyFont="1" applyBorder="1" applyAlignment="1">
      <alignment horizontal="center" vertical="center"/>
    </xf>
    <xf numFmtId="176" fontId="6" fillId="0" borderId="22" xfId="1" applyNumberFormat="1" applyFont="1" applyFill="1" applyBorder="1" applyAlignment="1">
      <alignment horizontal="center" vertical="center"/>
    </xf>
    <xf numFmtId="0" fontId="6" fillId="0" borderId="22" xfId="2" applyFont="1" applyBorder="1" applyAlignment="1">
      <alignment vertical="center"/>
    </xf>
    <xf numFmtId="0" fontId="6" fillId="0" borderId="20" xfId="2" applyFont="1" applyBorder="1" applyAlignment="1">
      <alignment horizontal="center" vertical="center"/>
    </xf>
    <xf numFmtId="0" fontId="6" fillId="0" borderId="23" xfId="2" applyFont="1" applyBorder="1" applyAlignment="1">
      <alignment horizontal="center" vertical="center"/>
    </xf>
    <xf numFmtId="0" fontId="6" fillId="0" borderId="22" xfId="2" applyFont="1" applyBorder="1" applyAlignment="1">
      <alignment horizontal="center" vertical="center"/>
    </xf>
    <xf numFmtId="176" fontId="8" fillId="0" borderId="24" xfId="2" applyNumberFormat="1" applyFont="1" applyBorder="1" applyAlignment="1">
      <alignment horizontal="center" vertical="center"/>
    </xf>
    <xf numFmtId="0" fontId="6" fillId="0" borderId="1" xfId="2" applyFont="1" applyBorder="1" applyAlignment="1">
      <alignment horizontal="center" vertical="distributed" textRotation="255" wrapText="1" justifyLastLine="1"/>
    </xf>
    <xf numFmtId="0" fontId="6" fillId="0" borderId="15" xfId="2" applyFont="1" applyBorder="1" applyAlignment="1">
      <alignment horizontal="center" vertical="center" textRotation="255"/>
    </xf>
    <xf numFmtId="176" fontId="6" fillId="0" borderId="25" xfId="1" applyNumberFormat="1" applyFont="1" applyFill="1" applyBorder="1" applyAlignment="1">
      <alignment horizontal="center" vertical="center"/>
    </xf>
    <xf numFmtId="0" fontId="6" fillId="0" borderId="6" xfId="2" applyFont="1" applyBorder="1" applyAlignment="1">
      <alignment horizontal="center" vertical="center"/>
    </xf>
    <xf numFmtId="176" fontId="8" fillId="0" borderId="13" xfId="2" applyNumberFormat="1" applyFont="1" applyBorder="1" applyAlignment="1">
      <alignment horizontal="center" vertical="center"/>
    </xf>
    <xf numFmtId="0" fontId="6" fillId="0" borderId="8" xfId="2" applyFont="1" applyBorder="1" applyAlignment="1">
      <alignment horizontal="center" vertical="distributed" textRotation="255" wrapText="1" justifyLastLine="1"/>
    </xf>
    <xf numFmtId="0" fontId="6" fillId="0" borderId="15" xfId="2" applyFont="1" applyBorder="1" applyAlignment="1">
      <alignment horizontal="center" vertical="center" textRotation="255" wrapText="1"/>
    </xf>
    <xf numFmtId="0" fontId="6" fillId="0" borderId="0" xfId="2" applyFont="1" applyAlignment="1">
      <alignment vertical="top"/>
    </xf>
    <xf numFmtId="176" fontId="6" fillId="0" borderId="15" xfId="3" applyNumberFormat="1" applyFont="1" applyFill="1" applyBorder="1" applyAlignment="1"/>
    <xf numFmtId="176" fontId="6" fillId="0" borderId="0" xfId="2" applyNumberFormat="1" applyFont="1"/>
    <xf numFmtId="177" fontId="6" fillId="0" borderId="0" xfId="2" applyNumberFormat="1" applyFont="1"/>
    <xf numFmtId="178" fontId="6" fillId="0" borderId="14" xfId="4" applyNumberFormat="1" applyFont="1" applyBorder="1"/>
    <xf numFmtId="179" fontId="6" fillId="0" borderId="13" xfId="0" applyNumberFormat="1" applyFont="1" applyBorder="1" applyAlignment="1"/>
    <xf numFmtId="0" fontId="6" fillId="0" borderId="15" xfId="2" applyFont="1" applyBorder="1" applyAlignment="1">
      <alignment horizontal="center"/>
    </xf>
    <xf numFmtId="0" fontId="6" fillId="0" borderId="27" xfId="2" applyFont="1" applyBorder="1" applyAlignment="1">
      <alignment horizontal="center" vertical="distributed" textRotation="255" wrapText="1" justifyLastLine="1"/>
    </xf>
    <xf numFmtId="0" fontId="6" fillId="0" borderId="28" xfId="2" applyFont="1" applyBorder="1" applyAlignment="1">
      <alignment horizontal="center" vertical="center" textRotation="255"/>
    </xf>
    <xf numFmtId="0" fontId="6" fillId="0" borderId="12" xfId="2" applyFont="1" applyBorder="1" applyAlignment="1">
      <alignment horizontal="center" vertical="center"/>
    </xf>
    <xf numFmtId="176" fontId="6" fillId="0" borderId="28" xfId="3" applyNumberFormat="1" applyFont="1" applyFill="1" applyBorder="1" applyAlignment="1">
      <alignment horizontal="center"/>
    </xf>
    <xf numFmtId="0" fontId="6" fillId="0" borderId="12" xfId="2" applyFont="1" applyBorder="1"/>
    <xf numFmtId="0" fontId="6" fillId="0" borderId="12" xfId="2" applyFont="1" applyBorder="1" applyAlignment="1">
      <alignment horizontal="center"/>
    </xf>
    <xf numFmtId="177" fontId="6" fillId="0" borderId="12" xfId="2" applyNumberFormat="1" applyFont="1" applyBorder="1"/>
    <xf numFmtId="0" fontId="6" fillId="0" borderId="29" xfId="2" applyFont="1" applyBorder="1" applyAlignment="1">
      <alignment horizontal="center"/>
    </xf>
    <xf numFmtId="179" fontId="6" fillId="0" borderId="30" xfId="0" applyNumberFormat="1" applyFont="1" applyBorder="1" applyAlignment="1">
      <alignment horizontal="center"/>
    </xf>
    <xf numFmtId="0" fontId="6" fillId="0" borderId="17" xfId="2" applyFont="1" applyBorder="1" applyAlignment="1">
      <alignment horizontal="center" vertical="distributed" textRotation="255" wrapText="1" justifyLastLine="1"/>
    </xf>
    <xf numFmtId="0" fontId="6" fillId="0" borderId="18" xfId="2" applyFont="1" applyBorder="1" applyAlignment="1">
      <alignment horizontal="center" vertical="center" textRotation="255"/>
    </xf>
    <xf numFmtId="0" fontId="6" fillId="0" borderId="31" xfId="2" applyFont="1" applyBorder="1" applyAlignment="1">
      <alignment horizontal="center" vertical="center"/>
    </xf>
    <xf numFmtId="176" fontId="6" fillId="0" borderId="18" xfId="3" applyNumberFormat="1" applyFont="1" applyFill="1" applyBorder="1" applyAlignment="1">
      <alignment horizontal="center"/>
    </xf>
    <xf numFmtId="0" fontId="6" fillId="0" borderId="31" xfId="2" applyFont="1" applyBorder="1"/>
    <xf numFmtId="0" fontId="6" fillId="0" borderId="31" xfId="2" applyFont="1" applyBorder="1" applyAlignment="1">
      <alignment horizontal="center"/>
    </xf>
    <xf numFmtId="177" fontId="6" fillId="0" borderId="31" xfId="2" applyNumberFormat="1" applyFont="1" applyBorder="1"/>
    <xf numFmtId="0" fontId="6" fillId="0" borderId="32" xfId="2" applyFont="1" applyBorder="1" applyAlignment="1">
      <alignment horizontal="center"/>
    </xf>
    <xf numFmtId="179" fontId="6" fillId="0" borderId="33" xfId="0" applyNumberFormat="1" applyFont="1" applyBorder="1" applyAlignment="1">
      <alignment horizontal="center"/>
    </xf>
    <xf numFmtId="0" fontId="6" fillId="0" borderId="15" xfId="2" applyFont="1" applyBorder="1" applyAlignment="1">
      <alignment horizontal="center" vertical="center" wrapText="1"/>
    </xf>
    <xf numFmtId="0" fontId="8" fillId="0" borderId="0" xfId="0" applyFont="1" applyAlignment="1">
      <alignment vertical="top"/>
    </xf>
    <xf numFmtId="179" fontId="11" fillId="0" borderId="33" xfId="0" applyNumberFormat="1" applyFont="1" applyBorder="1" applyAlignment="1">
      <alignment horizontal="center"/>
    </xf>
    <xf numFmtId="0" fontId="6" fillId="0" borderId="0" xfId="2" applyFont="1" applyAlignment="1">
      <alignment horizontal="left" vertical="top"/>
    </xf>
    <xf numFmtId="0" fontId="6" fillId="0" borderId="19" xfId="2" applyFont="1" applyBorder="1" applyAlignment="1">
      <alignment horizontal="center" vertical="distributed" textRotation="255" wrapText="1" justifyLastLine="1"/>
    </xf>
    <xf numFmtId="176" fontId="6" fillId="0" borderId="20" xfId="1" applyNumberFormat="1" applyFont="1" applyFill="1" applyBorder="1" applyAlignment="1">
      <alignment horizontal="center"/>
    </xf>
    <xf numFmtId="0" fontId="6" fillId="0" borderId="21" xfId="2" applyFont="1" applyBorder="1"/>
    <xf numFmtId="0" fontId="6" fillId="0" borderId="21" xfId="2" applyFont="1" applyBorder="1" applyAlignment="1">
      <alignment horizontal="center"/>
    </xf>
    <xf numFmtId="177" fontId="6" fillId="0" borderId="21" xfId="2" applyNumberFormat="1" applyFont="1" applyBorder="1"/>
    <xf numFmtId="0" fontId="6" fillId="0" borderId="23" xfId="2" applyFont="1" applyBorder="1" applyAlignment="1">
      <alignment horizontal="center"/>
    </xf>
    <xf numFmtId="180" fontId="8" fillId="0" borderId="34" xfId="2" applyNumberFormat="1" applyFont="1" applyBorder="1" applyAlignment="1">
      <alignment horizontal="center"/>
    </xf>
    <xf numFmtId="0" fontId="6" fillId="0" borderId="0" xfId="2" applyFont="1" applyAlignment="1">
      <alignment horizontal="center" vertical="distributed" textRotation="255" wrapText="1" justifyLastLine="1"/>
    </xf>
    <xf numFmtId="0" fontId="6" fillId="0" borderId="0" xfId="2" applyFont="1" applyAlignment="1">
      <alignment horizontal="center" vertical="center" textRotation="255"/>
    </xf>
    <xf numFmtId="176" fontId="6" fillId="0" borderId="0" xfId="1" applyNumberFormat="1" applyFont="1" applyFill="1" applyBorder="1" applyAlignment="1">
      <alignment horizontal="center"/>
    </xf>
    <xf numFmtId="0" fontId="6" fillId="0" borderId="0" xfId="2" applyFont="1"/>
    <xf numFmtId="0" fontId="6" fillId="0" borderId="0" xfId="2" applyFont="1" applyAlignment="1">
      <alignment horizontal="center"/>
    </xf>
    <xf numFmtId="180" fontId="8" fillId="0" borderId="0" xfId="2" applyNumberFormat="1" applyFont="1" applyAlignment="1">
      <alignment horizontal="center"/>
    </xf>
    <xf numFmtId="0" fontId="6" fillId="0" borderId="1" xfId="2" applyFont="1" applyBorder="1" applyAlignment="1">
      <alignment horizontal="center" vertical="center" textRotation="255" wrapText="1"/>
    </xf>
    <xf numFmtId="0" fontId="6" fillId="0" borderId="25" xfId="2" applyFont="1" applyBorder="1" applyAlignment="1">
      <alignment horizontal="center" vertical="center" textRotation="255"/>
    </xf>
    <xf numFmtId="176" fontId="6" fillId="0" borderId="25" xfId="1" applyNumberFormat="1" applyFont="1" applyFill="1" applyBorder="1" applyAlignment="1">
      <alignment horizontal="center"/>
    </xf>
    <xf numFmtId="0" fontId="6" fillId="0" borderId="2" xfId="2" applyFont="1" applyBorder="1"/>
    <xf numFmtId="0" fontId="6" fillId="0" borderId="2" xfId="2" applyFont="1" applyBorder="1" applyAlignment="1">
      <alignment horizontal="center"/>
    </xf>
    <xf numFmtId="177" fontId="6" fillId="0" borderId="2" xfId="2" applyNumberFormat="1" applyFont="1" applyBorder="1"/>
    <xf numFmtId="0" fontId="6" fillId="0" borderId="6" xfId="2" applyFont="1" applyBorder="1" applyAlignment="1">
      <alignment horizontal="center"/>
    </xf>
    <xf numFmtId="180" fontId="8" fillId="0" borderId="7" xfId="2" applyNumberFormat="1" applyFont="1" applyBorder="1" applyAlignment="1">
      <alignment horizontal="center"/>
    </xf>
    <xf numFmtId="0" fontId="6" fillId="0" borderId="8" xfId="2" applyFont="1" applyBorder="1" applyAlignment="1">
      <alignment horizontal="center" vertical="center" textRotation="255" wrapText="1"/>
    </xf>
    <xf numFmtId="0" fontId="6" fillId="0" borderId="27" xfId="2" applyFont="1" applyBorder="1" applyAlignment="1">
      <alignment horizontal="center" vertical="center" textRotation="255" wrapText="1"/>
    </xf>
    <xf numFmtId="177" fontId="6" fillId="0" borderId="12" xfId="2" applyNumberFormat="1" applyFont="1" applyBorder="1" applyAlignment="1">
      <alignment horizontal="center"/>
    </xf>
    <xf numFmtId="0" fontId="6" fillId="0" borderId="17" xfId="2" applyFont="1" applyBorder="1" applyAlignment="1">
      <alignment horizontal="center" vertical="center" textRotation="255" wrapText="1"/>
    </xf>
    <xf numFmtId="177" fontId="6" fillId="0" borderId="31" xfId="2" applyNumberFormat="1" applyFont="1" applyBorder="1" applyAlignment="1">
      <alignment horizontal="center"/>
    </xf>
    <xf numFmtId="176" fontId="6" fillId="0" borderId="12" xfId="2" applyNumberFormat="1" applyFont="1" applyBorder="1"/>
    <xf numFmtId="0" fontId="6" fillId="0" borderId="0" xfId="2" applyFont="1" applyAlignment="1">
      <alignment horizontal="left"/>
    </xf>
    <xf numFmtId="176" fontId="6" fillId="0" borderId="15" xfId="3" applyNumberFormat="1" applyFont="1" applyFill="1" applyBorder="1" applyAlignment="1">
      <alignment horizontal="center"/>
    </xf>
    <xf numFmtId="177" fontId="6" fillId="0" borderId="0" xfId="2" applyNumberFormat="1" applyFont="1" applyAlignment="1">
      <alignment horizontal="center"/>
    </xf>
    <xf numFmtId="0" fontId="6" fillId="0" borderId="14" xfId="2" applyFont="1" applyBorder="1" applyAlignment="1">
      <alignment horizontal="center"/>
    </xf>
    <xf numFmtId="179" fontId="6" fillId="0" borderId="13" xfId="0" applyNumberFormat="1" applyFont="1" applyBorder="1" applyAlignment="1">
      <alignment horizontal="center"/>
    </xf>
    <xf numFmtId="0" fontId="6" fillId="0" borderId="0" xfId="0" applyFont="1" applyAlignment="1">
      <alignment vertical="top"/>
    </xf>
    <xf numFmtId="176" fontId="6" fillId="0" borderId="20" xfId="1" applyNumberFormat="1" applyFont="1" applyFill="1" applyBorder="1" applyAlignment="1">
      <alignment horizontal="center" vertical="center"/>
    </xf>
    <xf numFmtId="176" fontId="6" fillId="0" borderId="21" xfId="2" applyNumberFormat="1" applyFont="1" applyBorder="1" applyAlignment="1">
      <alignment vertical="top"/>
    </xf>
    <xf numFmtId="177" fontId="6" fillId="0" borderId="21" xfId="2" applyNumberFormat="1" applyFont="1" applyBorder="1" applyAlignment="1">
      <alignment horizontal="center" vertical="center"/>
    </xf>
    <xf numFmtId="180" fontId="8" fillId="0" borderId="34" xfId="2" applyNumberFormat="1" applyFont="1" applyBorder="1" applyAlignment="1">
      <alignment horizontal="center" vertical="center"/>
    </xf>
    <xf numFmtId="0" fontId="9" fillId="0" borderId="2" xfId="2" applyFont="1" applyBorder="1" applyAlignment="1">
      <alignment horizontal="left" wrapText="1"/>
    </xf>
    <xf numFmtId="176" fontId="6" fillId="0" borderId="2" xfId="2" applyNumberFormat="1" applyFont="1" applyBorder="1" applyAlignment="1">
      <alignment vertical="top"/>
    </xf>
    <xf numFmtId="177" fontId="6" fillId="0" borderId="2" xfId="2" applyNumberFormat="1" applyFont="1" applyBorder="1" applyAlignment="1">
      <alignment horizontal="center" vertical="center"/>
    </xf>
    <xf numFmtId="180" fontId="8" fillId="0" borderId="3" xfId="2" applyNumberFormat="1" applyFont="1" applyBorder="1" applyAlignment="1">
      <alignment horizontal="center" vertical="center"/>
    </xf>
    <xf numFmtId="0" fontId="6" fillId="0" borderId="28" xfId="2" applyFont="1" applyBorder="1" applyAlignment="1">
      <alignment horizontal="center" vertical="center" textRotation="255" wrapText="1"/>
    </xf>
    <xf numFmtId="0" fontId="6" fillId="0" borderId="12" xfId="2" applyFont="1" applyBorder="1" applyAlignment="1">
      <alignment vertical="top"/>
    </xf>
    <xf numFmtId="176" fontId="6" fillId="0" borderId="28" xfId="1" applyNumberFormat="1" applyFont="1" applyFill="1" applyBorder="1" applyAlignment="1">
      <alignment vertical="top"/>
    </xf>
    <xf numFmtId="176" fontId="6" fillId="0" borderId="12" xfId="2" applyNumberFormat="1" applyFont="1" applyBorder="1" applyAlignment="1">
      <alignment vertical="top"/>
    </xf>
    <xf numFmtId="177" fontId="6" fillId="0" borderId="12" xfId="2" applyNumberFormat="1" applyFont="1" applyBorder="1" applyAlignment="1">
      <alignment vertical="top"/>
    </xf>
    <xf numFmtId="178" fontId="6" fillId="0" borderId="29" xfId="2" applyNumberFormat="1" applyFont="1" applyBorder="1" applyAlignment="1">
      <alignment vertical="top"/>
    </xf>
    <xf numFmtId="179" fontId="6" fillId="0" borderId="30" xfId="0" applyNumberFormat="1" applyFont="1" applyBorder="1" applyAlignment="1">
      <alignment vertical="top"/>
    </xf>
    <xf numFmtId="0" fontId="6" fillId="0" borderId="35" xfId="2" applyFont="1" applyBorder="1" applyAlignment="1">
      <alignment horizontal="center" vertical="center" textRotation="255" wrapText="1"/>
    </xf>
    <xf numFmtId="0" fontId="6" fillId="0" borderId="31" xfId="2" applyFont="1" applyBorder="1" applyAlignment="1">
      <alignment horizontal="center" vertical="center" textRotation="255" wrapText="1"/>
    </xf>
    <xf numFmtId="0" fontId="6" fillId="0" borderId="31" xfId="2" applyFont="1" applyBorder="1" applyAlignment="1">
      <alignment vertical="top"/>
    </xf>
    <xf numFmtId="176" fontId="6" fillId="0" borderId="18" xfId="1" applyNumberFormat="1" applyFont="1" applyFill="1" applyBorder="1" applyAlignment="1">
      <alignment vertical="top"/>
    </xf>
    <xf numFmtId="176" fontId="6" fillId="0" borderId="31" xfId="2" applyNumberFormat="1" applyFont="1" applyBorder="1" applyAlignment="1">
      <alignment vertical="top"/>
    </xf>
    <xf numFmtId="177" fontId="6" fillId="0" borderId="31" xfId="2" applyNumberFormat="1" applyFont="1" applyBorder="1" applyAlignment="1">
      <alignment vertical="top"/>
    </xf>
    <xf numFmtId="178" fontId="6" fillId="0" borderId="32" xfId="2" applyNumberFormat="1" applyFont="1" applyBorder="1" applyAlignment="1">
      <alignment vertical="top"/>
    </xf>
    <xf numFmtId="179" fontId="6" fillId="0" borderId="33" xfId="0" applyNumberFormat="1" applyFont="1" applyBorder="1" applyAlignment="1">
      <alignment vertical="top"/>
    </xf>
    <xf numFmtId="0" fontId="14" fillId="0" borderId="4" xfId="2" applyFont="1" applyBorder="1" applyAlignment="1">
      <alignment horizontal="center" vertical="center"/>
    </xf>
    <xf numFmtId="0" fontId="14" fillId="0" borderId="0" xfId="2" applyFont="1" applyAlignment="1">
      <alignment horizontal="centerContinuous" vertical="center"/>
    </xf>
    <xf numFmtId="0" fontId="14" fillId="0" borderId="14" xfId="2" applyFont="1" applyBorder="1" applyAlignment="1">
      <alignment horizontal="centerContinuous" vertical="center"/>
    </xf>
    <xf numFmtId="176" fontId="14" fillId="0" borderId="15" xfId="3" applyNumberFormat="1" applyFont="1" applyFill="1" applyBorder="1" applyAlignment="1">
      <alignment vertical="center"/>
    </xf>
    <xf numFmtId="176" fontId="14" fillId="0" borderId="0" xfId="4" applyNumberFormat="1" applyFont="1" applyAlignment="1">
      <alignment vertical="center"/>
    </xf>
    <xf numFmtId="176" fontId="14" fillId="0" borderId="0" xfId="2" applyNumberFormat="1" applyFont="1" applyAlignment="1">
      <alignment vertical="center"/>
    </xf>
    <xf numFmtId="0" fontId="14" fillId="0" borderId="0" xfId="2" applyFont="1" applyAlignment="1">
      <alignment vertical="center"/>
    </xf>
    <xf numFmtId="181" fontId="14" fillId="0" borderId="0" xfId="1" applyNumberFormat="1" applyFont="1" applyFill="1" applyBorder="1" applyAlignment="1">
      <alignment vertical="center"/>
    </xf>
    <xf numFmtId="178" fontId="14" fillId="0" borderId="14" xfId="2" applyNumberFormat="1" applyFont="1" applyBorder="1" applyAlignment="1">
      <alignment vertical="center"/>
    </xf>
    <xf numFmtId="178" fontId="14" fillId="0" borderId="13" xfId="0" applyNumberFormat="1" applyFont="1" applyBorder="1">
      <alignment vertical="center"/>
    </xf>
    <xf numFmtId="0" fontId="6" fillId="0" borderId="36" xfId="2" applyFont="1" applyBorder="1" applyAlignment="1">
      <alignment horizontal="center" vertical="center" textRotation="255" wrapText="1"/>
    </xf>
    <xf numFmtId="0" fontId="6" fillId="0" borderId="21" xfId="2" applyFont="1" applyBorder="1" applyAlignment="1">
      <alignment horizontal="center" vertical="center" textRotation="255" wrapText="1"/>
    </xf>
    <xf numFmtId="0" fontId="6" fillId="0" borderId="21" xfId="2" applyFont="1" applyBorder="1" applyAlignment="1">
      <alignment vertical="top"/>
    </xf>
    <xf numFmtId="176" fontId="6" fillId="0" borderId="20" xfId="1" applyNumberFormat="1" applyFont="1" applyFill="1" applyBorder="1" applyAlignment="1">
      <alignment vertical="top"/>
    </xf>
    <xf numFmtId="178" fontId="6" fillId="0" borderId="23" xfId="2" applyNumberFormat="1" applyFont="1" applyBorder="1" applyAlignment="1">
      <alignment vertical="top"/>
    </xf>
    <xf numFmtId="176" fontId="8" fillId="0" borderId="34" xfId="2" applyNumberFormat="1" applyFont="1" applyBorder="1" applyAlignment="1">
      <alignment vertical="top"/>
    </xf>
    <xf numFmtId="0" fontId="6" fillId="0" borderId="4" xfId="2" applyFont="1" applyBorder="1" applyAlignment="1">
      <alignment horizontal="center" vertical="center"/>
    </xf>
    <xf numFmtId="0" fontId="6" fillId="0" borderId="15" xfId="2" applyFont="1" applyBorder="1" applyAlignment="1">
      <alignment horizontal="center" vertical="center"/>
    </xf>
    <xf numFmtId="56" fontId="9" fillId="0" borderId="26" xfId="2" applyNumberFormat="1" applyFont="1" applyBorder="1" applyAlignment="1">
      <alignment horizontal="centerContinuous" vertical="center"/>
    </xf>
    <xf numFmtId="0" fontId="6" fillId="0" borderId="26" xfId="2" applyFont="1" applyBorder="1" applyAlignment="1">
      <alignment horizontal="centerContinuous" vertical="center"/>
    </xf>
    <xf numFmtId="0" fontId="15" fillId="0" borderId="9" xfId="2" applyFont="1" applyBorder="1" applyAlignment="1">
      <alignment horizontal="center" vertical="center"/>
    </xf>
    <xf numFmtId="0" fontId="15" fillId="0" borderId="16" xfId="2" applyFont="1" applyBorder="1" applyAlignment="1">
      <alignment horizontal="center" vertical="center"/>
    </xf>
    <xf numFmtId="0" fontId="6" fillId="0" borderId="36" xfId="2" applyFont="1" applyBorder="1" applyAlignment="1">
      <alignment horizontal="center" vertical="center" textRotation="255"/>
    </xf>
    <xf numFmtId="0" fontId="9" fillId="0" borderId="1" xfId="2" applyFont="1" applyBorder="1" applyAlignment="1">
      <alignment horizontal="center" vertical="distributed" textRotation="255" wrapText="1" justifyLastLine="1"/>
    </xf>
    <xf numFmtId="0" fontId="9" fillId="0" borderId="25" xfId="2" applyFont="1" applyBorder="1" applyAlignment="1">
      <alignment horizontal="center" vertical="center" wrapText="1"/>
    </xf>
    <xf numFmtId="176" fontId="8" fillId="0" borderId="7" xfId="2" applyNumberFormat="1" applyFont="1" applyBorder="1" applyAlignment="1">
      <alignment vertical="center"/>
    </xf>
    <xf numFmtId="0" fontId="9" fillId="0" borderId="8" xfId="2" applyFont="1" applyBorder="1" applyAlignment="1">
      <alignment horizontal="center" vertical="distributed" textRotation="255" wrapText="1" justifyLastLine="1"/>
    </xf>
    <xf numFmtId="0" fontId="9" fillId="0" borderId="15" xfId="2" applyFont="1" applyBorder="1" applyAlignment="1">
      <alignment horizontal="center" vertical="center" wrapText="1"/>
    </xf>
    <xf numFmtId="0" fontId="6" fillId="0" borderId="0" xfId="2" applyFont="1" applyAlignment="1">
      <alignment horizontal="left" vertical="center"/>
    </xf>
    <xf numFmtId="0" fontId="14" fillId="0" borderId="0" xfId="2" applyFont="1" applyAlignment="1">
      <alignment horizontal="center" vertical="center"/>
    </xf>
    <xf numFmtId="176" fontId="14" fillId="0" borderId="15" xfId="3" applyNumberFormat="1" applyFont="1" applyFill="1" applyBorder="1" applyAlignment="1"/>
    <xf numFmtId="176" fontId="14" fillId="0" borderId="0" xfId="1" applyNumberFormat="1" applyFont="1" applyFill="1" applyBorder="1" applyAlignment="1"/>
    <xf numFmtId="181" fontId="14" fillId="0" borderId="0" xfId="1" applyNumberFormat="1" applyFont="1" applyFill="1" applyBorder="1" applyAlignment="1"/>
    <xf numFmtId="178" fontId="14" fillId="0" borderId="14" xfId="2" applyNumberFormat="1" applyFont="1" applyBorder="1"/>
    <xf numFmtId="178" fontId="14" fillId="0" borderId="13" xfId="0" applyNumberFormat="1" applyFont="1" applyBorder="1" applyAlignment="1"/>
    <xf numFmtId="0" fontId="9" fillId="0" borderId="27" xfId="2" applyFont="1" applyBorder="1" applyAlignment="1">
      <alignment horizontal="center" vertical="distributed" textRotation="255" wrapText="1" justifyLastLine="1"/>
    </xf>
    <xf numFmtId="0" fontId="9" fillId="0" borderId="28" xfId="2" applyFont="1" applyBorder="1" applyAlignment="1">
      <alignment horizontal="center" vertical="center" wrapText="1"/>
    </xf>
    <xf numFmtId="176" fontId="6" fillId="0" borderId="28" xfId="1" applyNumberFormat="1" applyFont="1" applyFill="1" applyBorder="1" applyAlignment="1">
      <alignment horizontal="center" vertical="center"/>
    </xf>
    <xf numFmtId="179" fontId="6" fillId="0" borderId="24" xfId="0" applyNumberFormat="1" applyFont="1" applyBorder="1" applyAlignment="1">
      <alignment vertical="top"/>
    </xf>
    <xf numFmtId="0" fontId="9" fillId="0" borderId="1" xfId="2" applyFont="1" applyBorder="1" applyAlignment="1">
      <alignment horizontal="center" vertical="distributed" textRotation="255" justifyLastLine="1"/>
    </xf>
    <xf numFmtId="0" fontId="9" fillId="0" borderId="2" xfId="2" applyFont="1" applyBorder="1" applyAlignment="1">
      <alignment horizontal="center" vertical="center" wrapText="1"/>
    </xf>
    <xf numFmtId="179" fontId="6" fillId="0" borderId="13" xfId="0" applyNumberFormat="1" applyFont="1" applyBorder="1" applyAlignment="1">
      <alignment horizontal="center" vertical="center"/>
    </xf>
    <xf numFmtId="0" fontId="9" fillId="0" borderId="8" xfId="2" applyFont="1" applyBorder="1" applyAlignment="1">
      <alignment horizontal="center" vertical="distributed" textRotation="255" justifyLastLine="1"/>
    </xf>
    <xf numFmtId="0" fontId="9" fillId="0" borderId="27" xfId="2" applyFont="1" applyBorder="1" applyAlignment="1">
      <alignment horizontal="center" vertical="distributed" textRotation="255" justifyLastLine="1"/>
    </xf>
    <xf numFmtId="176" fontId="6" fillId="0" borderId="15" xfId="3" applyNumberFormat="1" applyFont="1" applyFill="1" applyBorder="1" applyAlignment="1">
      <alignment horizontal="center" vertical="center"/>
    </xf>
    <xf numFmtId="176" fontId="14" fillId="0" borderId="0" xfId="1" applyNumberFormat="1" applyFont="1" applyFill="1" applyBorder="1" applyAlignment="1">
      <alignment vertical="center"/>
    </xf>
    <xf numFmtId="181" fontId="14" fillId="0" borderId="12" xfId="1" applyNumberFormat="1" applyFont="1" applyFill="1" applyBorder="1" applyAlignment="1">
      <alignment vertical="center"/>
    </xf>
    <xf numFmtId="178" fontId="14" fillId="0" borderId="0" xfId="2" applyNumberFormat="1" applyFont="1" applyAlignment="1">
      <alignment vertical="center"/>
    </xf>
    <xf numFmtId="179" fontId="6" fillId="0" borderId="10" xfId="0" applyNumberFormat="1" applyFont="1" applyBorder="1" applyAlignment="1">
      <alignment horizontal="center" vertical="center"/>
    </xf>
    <xf numFmtId="176" fontId="6" fillId="0" borderId="18" xfId="3" applyNumberFormat="1" applyFont="1" applyFill="1" applyBorder="1" applyAlignment="1">
      <alignment vertical="top"/>
    </xf>
    <xf numFmtId="178" fontId="6" fillId="0" borderId="31" xfId="2" applyNumberFormat="1" applyFont="1" applyBorder="1" applyAlignment="1">
      <alignment vertical="top"/>
    </xf>
    <xf numFmtId="179" fontId="6" fillId="0" borderId="38" xfId="0" applyNumberFormat="1" applyFont="1" applyBorder="1" applyAlignment="1">
      <alignment vertical="top"/>
    </xf>
    <xf numFmtId="0" fontId="14" fillId="0" borderId="0" xfId="2" applyFont="1" applyAlignment="1">
      <alignment horizontal="center" vertical="center"/>
    </xf>
    <xf numFmtId="0" fontId="14" fillId="0" borderId="14" xfId="2" applyFont="1" applyBorder="1" applyAlignment="1">
      <alignment horizontal="center" vertical="center"/>
    </xf>
    <xf numFmtId="176" fontId="14" fillId="0" borderId="0" xfId="2" quotePrefix="1" applyNumberFormat="1" applyFont="1" applyAlignment="1">
      <alignment horizontal="right" vertical="center"/>
    </xf>
    <xf numFmtId="0" fontId="14" fillId="0" borderId="0" xfId="2" quotePrefix="1" applyFont="1" applyAlignment="1">
      <alignment horizontal="right" vertical="center"/>
    </xf>
    <xf numFmtId="181" fontId="14" fillId="0" borderId="0" xfId="2" quotePrefix="1" applyNumberFormat="1" applyFont="1" applyAlignment="1">
      <alignment horizontal="right" vertical="center"/>
    </xf>
    <xf numFmtId="178" fontId="14" fillId="0" borderId="10" xfId="0" applyNumberFormat="1" applyFont="1" applyBorder="1">
      <alignment vertical="center"/>
    </xf>
    <xf numFmtId="176" fontId="6" fillId="0" borderId="15" xfId="3" applyNumberFormat="1" applyFont="1" applyFill="1" applyBorder="1" applyAlignment="1">
      <alignment vertical="top"/>
    </xf>
    <xf numFmtId="179" fontId="6" fillId="0" borderId="10" xfId="0" applyNumberFormat="1" applyFont="1" applyBorder="1" applyAlignment="1">
      <alignment vertical="top"/>
    </xf>
    <xf numFmtId="0" fontId="6" fillId="0" borderId="5" xfId="2" applyFont="1" applyBorder="1" applyAlignment="1">
      <alignment horizontal="center" vertical="center" textRotation="255"/>
    </xf>
    <xf numFmtId="176" fontId="6" fillId="0" borderId="25" xfId="3" applyNumberFormat="1" applyFont="1" applyFill="1" applyBorder="1" applyAlignment="1">
      <alignment horizontal="center" vertical="center"/>
    </xf>
    <xf numFmtId="177" fontId="6" fillId="0" borderId="2" xfId="2" applyNumberFormat="1" applyFont="1" applyBorder="1" applyAlignment="1">
      <alignment vertical="center"/>
    </xf>
    <xf numFmtId="179" fontId="6" fillId="0" borderId="7" xfId="0" applyNumberFormat="1" applyFont="1" applyBorder="1" applyAlignment="1">
      <alignment horizontal="center" vertical="center"/>
    </xf>
    <xf numFmtId="181" fontId="14" fillId="0" borderId="0" xfId="1" applyNumberFormat="1" applyFont="1" applyFill="1" applyBorder="1" applyAlignment="1">
      <alignment horizontal="right" vertical="center"/>
    </xf>
    <xf numFmtId="0" fontId="6" fillId="0" borderId="21" xfId="2" applyFont="1" applyBorder="1" applyAlignment="1">
      <alignment horizontal="center" vertical="center" textRotation="255"/>
    </xf>
    <xf numFmtId="0" fontId="6" fillId="0" borderId="21" xfId="2" applyFont="1" applyBorder="1" applyAlignment="1">
      <alignment vertical="center"/>
    </xf>
    <xf numFmtId="176" fontId="8" fillId="0" borderId="34" xfId="2" applyNumberFormat="1" applyFont="1" applyBorder="1" applyAlignment="1">
      <alignment horizontal="center" vertical="center"/>
    </xf>
    <xf numFmtId="0" fontId="6" fillId="0" borderId="0" xfId="4" applyFont="1"/>
    <xf numFmtId="0" fontId="8" fillId="0" borderId="0" xfId="2" applyFont="1" applyAlignment="1">
      <alignment vertical="center"/>
    </xf>
    <xf numFmtId="176" fontId="8" fillId="0" borderId="0" xfId="2" applyNumberFormat="1" applyFont="1"/>
    <xf numFmtId="0" fontId="6" fillId="0" borderId="5" xfId="2" applyFont="1" applyBorder="1"/>
    <xf numFmtId="176" fontId="6" fillId="0" borderId="2" xfId="2" applyNumberFormat="1" applyFont="1" applyBorder="1"/>
    <xf numFmtId="176" fontId="8" fillId="0" borderId="3" xfId="2" applyNumberFormat="1" applyFont="1" applyBorder="1"/>
    <xf numFmtId="0" fontId="6" fillId="0" borderId="4" xfId="2" applyFont="1" applyBorder="1"/>
    <xf numFmtId="0" fontId="6" fillId="0" borderId="0" xfId="2" applyFont="1" applyAlignment="1">
      <alignment shrinkToFit="1"/>
    </xf>
    <xf numFmtId="0" fontId="6" fillId="0" borderId="4" xfId="2" applyFont="1" applyBorder="1" applyAlignment="1">
      <alignment horizontal="left"/>
    </xf>
    <xf numFmtId="0" fontId="6" fillId="0" borderId="0" xfId="2" applyFont="1" applyAlignment="1">
      <alignment horizontal="left"/>
    </xf>
    <xf numFmtId="0" fontId="6" fillId="0" borderId="14" xfId="2" applyFont="1" applyBorder="1" applyAlignment="1">
      <alignment horizontal="left"/>
    </xf>
    <xf numFmtId="0" fontId="6" fillId="0" borderId="36" xfId="2" applyFont="1" applyBorder="1"/>
    <xf numFmtId="176" fontId="6" fillId="0" borderId="22" xfId="2" applyNumberFormat="1" applyFont="1" applyBorder="1"/>
    <xf numFmtId="176" fontId="6" fillId="0" borderId="20" xfId="2" applyNumberFormat="1" applyFont="1" applyBorder="1" applyAlignment="1">
      <alignment horizontal="center" vertical="center"/>
    </xf>
    <xf numFmtId="176" fontId="6" fillId="0" borderId="25" xfId="2" applyNumberFormat="1" applyFont="1" applyBorder="1"/>
    <xf numFmtId="176" fontId="6" fillId="0" borderId="6" xfId="2" applyNumberFormat="1" applyFont="1" applyBorder="1"/>
    <xf numFmtId="176" fontId="8" fillId="0" borderId="7" xfId="2" applyNumberFormat="1" applyFont="1" applyBorder="1"/>
    <xf numFmtId="181" fontId="6" fillId="0" borderId="0" xfId="2" applyNumberFormat="1" applyFont="1"/>
    <xf numFmtId="179" fontId="6" fillId="0" borderId="14" xfId="2" applyNumberFormat="1" applyFont="1" applyBorder="1"/>
    <xf numFmtId="0" fontId="8" fillId="0" borderId="4" xfId="0" applyFont="1" applyBorder="1" applyAlignment="1">
      <alignment horizontal="left"/>
    </xf>
    <xf numFmtId="0" fontId="8" fillId="0" borderId="0" xfId="0" applyFont="1" applyAlignment="1"/>
    <xf numFmtId="176" fontId="16" fillId="0" borderId="14" xfId="0" applyNumberFormat="1" applyFont="1" applyBorder="1" applyAlignment="1"/>
    <xf numFmtId="176" fontId="8" fillId="0" borderId="15" xfId="3" applyNumberFormat="1" applyFont="1" applyFill="1" applyBorder="1" applyAlignment="1"/>
    <xf numFmtId="181" fontId="8" fillId="0" borderId="0" xfId="2" applyNumberFormat="1" applyFont="1"/>
    <xf numFmtId="179" fontId="8" fillId="0" borderId="14" xfId="2" applyNumberFormat="1" applyFont="1" applyBorder="1"/>
    <xf numFmtId="179" fontId="8" fillId="0" borderId="13" xfId="0" applyNumberFormat="1" applyFont="1" applyBorder="1" applyAlignment="1"/>
    <xf numFmtId="176" fontId="8" fillId="0" borderId="14" xfId="0" applyNumberFormat="1" applyFont="1" applyBorder="1" applyAlignment="1"/>
    <xf numFmtId="0" fontId="8" fillId="0" borderId="4" xfId="2" applyFont="1" applyBorder="1"/>
    <xf numFmtId="0" fontId="8" fillId="0" borderId="0" xfId="2" applyFont="1"/>
    <xf numFmtId="176" fontId="8" fillId="0" borderId="15" xfId="0" applyNumberFormat="1" applyFont="1" applyBorder="1" applyAlignment="1"/>
    <xf numFmtId="179" fontId="8" fillId="0" borderId="29" xfId="2" applyNumberFormat="1" applyFont="1" applyBorder="1"/>
    <xf numFmtId="179" fontId="8" fillId="0" borderId="10" xfId="2" applyNumberFormat="1" applyFont="1" applyBorder="1"/>
    <xf numFmtId="0" fontId="6" fillId="0" borderId="20" xfId="2" applyFont="1" applyBorder="1" applyAlignment="1">
      <alignment vertical="center"/>
    </xf>
    <xf numFmtId="0" fontId="8" fillId="0" borderId="35" xfId="2" applyFont="1" applyBorder="1"/>
    <xf numFmtId="0" fontId="8" fillId="0" borderId="31" xfId="2" applyFont="1" applyBorder="1"/>
    <xf numFmtId="176" fontId="8" fillId="0" borderId="18" xfId="0" applyNumberFormat="1" applyFont="1" applyBorder="1" applyAlignment="1"/>
    <xf numFmtId="176" fontId="8" fillId="0" borderId="31" xfId="2" applyNumberFormat="1" applyFont="1" applyBorder="1"/>
    <xf numFmtId="179" fontId="8" fillId="0" borderId="38" xfId="2" applyNumberFormat="1" applyFont="1" applyBorder="1"/>
    <xf numFmtId="0" fontId="17" fillId="0" borderId="0" xfId="2" applyFont="1" applyAlignment="1">
      <alignment horizontal="centerContinuous"/>
    </xf>
    <xf numFmtId="0" fontId="8" fillId="0" borderId="14" xfId="2" applyFont="1" applyBorder="1" applyAlignment="1">
      <alignment horizontal="centerContinuous"/>
    </xf>
    <xf numFmtId="176" fontId="17" fillId="0" borderId="15" xfId="0" applyNumberFormat="1" applyFont="1" applyBorder="1" applyAlignment="1"/>
    <xf numFmtId="176" fontId="17" fillId="0" borderId="0" xfId="2" applyNumberFormat="1" applyFont="1"/>
    <xf numFmtId="181" fontId="17" fillId="0" borderId="0" xfId="2" applyNumberFormat="1" applyFont="1"/>
    <xf numFmtId="179" fontId="17" fillId="0" borderId="14" xfId="2" applyNumberFormat="1" applyFont="1" applyBorder="1"/>
    <xf numFmtId="178" fontId="17" fillId="0" borderId="13" xfId="0" applyNumberFormat="1" applyFont="1" applyBorder="1">
      <alignment vertical="center"/>
    </xf>
    <xf numFmtId="0" fontId="8" fillId="0" borderId="36" xfId="2" applyFont="1" applyBorder="1"/>
    <xf numFmtId="0" fontId="8" fillId="0" borderId="21" xfId="2" applyFont="1" applyBorder="1"/>
    <xf numFmtId="176" fontId="8" fillId="0" borderId="20" xfId="2" applyNumberFormat="1" applyFont="1" applyBorder="1"/>
    <xf numFmtId="176" fontId="8" fillId="0" borderId="21" xfId="2" applyNumberFormat="1" applyFont="1" applyBorder="1"/>
    <xf numFmtId="176" fontId="8" fillId="0" borderId="23" xfId="2" applyNumberFormat="1" applyFont="1" applyBorder="1"/>
    <xf numFmtId="176" fontId="8" fillId="0" borderId="24" xfId="2" applyNumberFormat="1" applyFont="1" applyBorder="1"/>
    <xf numFmtId="0" fontId="6" fillId="0" borderId="21" xfId="0" applyFont="1" applyBorder="1" applyAlignment="1">
      <alignment horizontal="center" vertical="center"/>
    </xf>
    <xf numFmtId="0" fontId="18" fillId="0" borderId="2" xfId="0" applyFont="1" applyBorder="1" applyAlignment="1">
      <alignment horizontal="left" shrinkToFit="1"/>
    </xf>
    <xf numFmtId="176" fontId="8" fillId="0" borderId="7" xfId="2" applyNumberFormat="1" applyFont="1" applyBorder="1" applyAlignment="1">
      <alignment horizontal="center" vertical="center"/>
    </xf>
    <xf numFmtId="176" fontId="6" fillId="0" borderId="15" xfId="0" applyNumberFormat="1" applyFont="1" applyBorder="1" applyAlignment="1"/>
    <xf numFmtId="181" fontId="6" fillId="0" borderId="0" xfId="2" applyNumberFormat="1" applyFont="1" applyAlignment="1">
      <alignment horizontal="right"/>
    </xf>
    <xf numFmtId="176" fontId="6" fillId="0" borderId="0" xfId="2" applyNumberFormat="1" applyFont="1" applyAlignment="1">
      <alignment horizontal="right"/>
    </xf>
    <xf numFmtId="178" fontId="6" fillId="0" borderId="14" xfId="2" applyNumberFormat="1" applyFont="1" applyBorder="1"/>
    <xf numFmtId="182" fontId="8" fillId="0" borderId="10" xfId="2" applyNumberFormat="1" applyFont="1" applyBorder="1" applyAlignment="1">
      <alignment horizontal="right"/>
    </xf>
    <xf numFmtId="0" fontId="14" fillId="0" borderId="0" xfId="2" applyFont="1"/>
    <xf numFmtId="176" fontId="14" fillId="0" borderId="15" xfId="0" applyNumberFormat="1" applyFont="1" applyBorder="1" applyAlignment="1"/>
    <xf numFmtId="181" fontId="14" fillId="0" borderId="0" xfId="2" applyNumberFormat="1" applyFont="1" applyAlignment="1">
      <alignment horizontal="right"/>
    </xf>
    <xf numFmtId="182" fontId="17" fillId="0" borderId="10" xfId="2" applyNumberFormat="1" applyFont="1" applyBorder="1"/>
    <xf numFmtId="0" fontId="6" fillId="0" borderId="11" xfId="2" applyFont="1" applyBorder="1"/>
    <xf numFmtId="176" fontId="6" fillId="0" borderId="28" xfId="0" applyNumberFormat="1" applyFont="1" applyBorder="1" applyAlignment="1"/>
    <xf numFmtId="182" fontId="8" fillId="0" borderId="37" xfId="2" applyNumberFormat="1" applyFont="1" applyBorder="1"/>
    <xf numFmtId="0" fontId="6" fillId="0" borderId="0" xfId="0" applyFont="1" applyAlignment="1">
      <alignment horizontal="center"/>
    </xf>
    <xf numFmtId="182" fontId="8" fillId="0" borderId="10" xfId="2" applyNumberFormat="1" applyFont="1" applyBorder="1"/>
    <xf numFmtId="0" fontId="14" fillId="0" borderId="0" xfId="2" applyFont="1" applyAlignment="1">
      <alignment horizontal="center"/>
    </xf>
    <xf numFmtId="0" fontId="14" fillId="0" borderId="14" xfId="2" applyFont="1" applyBorder="1" applyAlignment="1">
      <alignment horizontal="center"/>
    </xf>
    <xf numFmtId="0" fontId="6" fillId="0" borderId="20" xfId="2" applyFont="1" applyBorder="1"/>
    <xf numFmtId="0" fontId="8" fillId="0" borderId="24" xfId="2" applyFont="1" applyBorder="1"/>
    <xf numFmtId="0" fontId="19" fillId="0" borderId="0" xfId="0" applyFont="1" applyAlignment="1"/>
    <xf numFmtId="0" fontId="19" fillId="0" borderId="0" xfId="2" applyFont="1"/>
    <xf numFmtId="0" fontId="14" fillId="0" borderId="0" xfId="2" applyFont="1" applyAlignment="1">
      <alignment horizontal="center"/>
    </xf>
    <xf numFmtId="176" fontId="6" fillId="0" borderId="20" xfId="2" applyNumberFormat="1" applyFont="1" applyBorder="1"/>
    <xf numFmtId="176" fontId="6" fillId="0" borderId="21" xfId="2" applyNumberFormat="1" applyFont="1" applyBorder="1"/>
    <xf numFmtId="181" fontId="8" fillId="0" borderId="24" xfId="2" applyNumberFormat="1" applyFont="1" applyBorder="1" applyAlignment="1">
      <alignment horizontal="right"/>
    </xf>
    <xf numFmtId="0" fontId="6" fillId="0" borderId="36" xfId="0" applyFont="1" applyBorder="1" applyAlignment="1"/>
    <xf numFmtId="0" fontId="6" fillId="0" borderId="21" xfId="0" applyFont="1" applyBorder="1" applyAlignment="1"/>
    <xf numFmtId="181" fontId="8" fillId="0" borderId="0" xfId="2" applyNumberFormat="1" applyFont="1" applyAlignment="1">
      <alignment horizontal="right"/>
    </xf>
    <xf numFmtId="181" fontId="8" fillId="0" borderId="10" xfId="2" applyNumberFormat="1" applyFont="1" applyBorder="1" applyAlignment="1">
      <alignment horizontal="right"/>
    </xf>
    <xf numFmtId="0" fontId="6" fillId="0" borderId="35" xfId="2" applyFont="1" applyBorder="1"/>
    <xf numFmtId="176" fontId="6" fillId="0" borderId="18" xfId="0" applyNumberFormat="1" applyFont="1" applyBorder="1" applyAlignment="1"/>
    <xf numFmtId="176" fontId="6" fillId="0" borderId="31" xfId="2" applyNumberFormat="1" applyFont="1" applyBorder="1"/>
    <xf numFmtId="181" fontId="8" fillId="0" borderId="38" xfId="2" applyNumberFormat="1" applyFont="1" applyBorder="1" applyAlignment="1">
      <alignment horizontal="right"/>
    </xf>
    <xf numFmtId="181" fontId="8" fillId="0" borderId="24" xfId="2" applyNumberFormat="1" applyFont="1" applyBorder="1"/>
    <xf numFmtId="0" fontId="18" fillId="0" borderId="2" xfId="0" applyFont="1" applyBorder="1" applyAlignment="1">
      <alignment horizontal="left" vertical="top" wrapText="1"/>
    </xf>
    <xf numFmtId="0" fontId="6" fillId="0" borderId="0" xfId="0" applyFont="1">
      <alignment vertical="center"/>
    </xf>
    <xf numFmtId="0" fontId="9" fillId="0" borderId="0" xfId="0" applyFont="1" applyAlignment="1">
      <alignment vertical="center" shrinkToFit="1"/>
    </xf>
    <xf numFmtId="0" fontId="14" fillId="0" borderId="0" xfId="0" applyFont="1" applyAlignment="1"/>
    <xf numFmtId="0" fontId="14" fillId="0" borderId="12" xfId="2" applyFont="1" applyBorder="1"/>
    <xf numFmtId="176" fontId="8" fillId="0" borderId="37" xfId="2" applyNumberFormat="1" applyFont="1" applyBorder="1"/>
    <xf numFmtId="176" fontId="8" fillId="0" borderId="10" xfId="2" applyNumberFormat="1" applyFont="1" applyBorder="1"/>
    <xf numFmtId="0" fontId="14" fillId="0" borderId="21" xfId="2" applyFont="1" applyBorder="1" applyAlignment="1">
      <alignment horizontal="center"/>
    </xf>
    <xf numFmtId="0" fontId="9" fillId="0" borderId="2" xfId="0" applyFont="1" applyBorder="1" applyAlignment="1">
      <alignment horizontal="left" shrinkToFit="1"/>
    </xf>
    <xf numFmtId="0" fontId="17" fillId="0" borderId="0" xfId="2" applyFont="1"/>
    <xf numFmtId="176" fontId="6" fillId="0" borderId="15" xfId="2" applyNumberFormat="1" applyFont="1" applyBorder="1"/>
    <xf numFmtId="0" fontId="14" fillId="0" borderId="14" xfId="0" applyFont="1" applyBorder="1" applyAlignment="1"/>
    <xf numFmtId="0" fontId="14" fillId="0" borderId="21" xfId="2" applyFont="1" applyBorder="1"/>
    <xf numFmtId="0" fontId="9" fillId="0" borderId="0" xfId="2" applyFont="1"/>
    <xf numFmtId="178" fontId="6" fillId="0" borderId="13" xfId="0" applyNumberFormat="1" applyFont="1" applyBorder="1" applyAlignment="1"/>
    <xf numFmtId="181" fontId="8" fillId="0" borderId="10" xfId="2" applyNumberFormat="1" applyFont="1" applyBorder="1"/>
    <xf numFmtId="181" fontId="8" fillId="0" borderId="38" xfId="2" applyNumberFormat="1" applyFont="1" applyBorder="1"/>
    <xf numFmtId="176" fontId="6" fillId="0" borderId="28" xfId="2" applyNumberFormat="1" applyFont="1" applyBorder="1"/>
    <xf numFmtId="179" fontId="8" fillId="0" borderId="37" xfId="2" applyNumberFormat="1" applyFont="1" applyBorder="1"/>
    <xf numFmtId="0" fontId="6" fillId="0" borderId="4" xfId="0" applyFont="1" applyBorder="1" applyAlignment="1"/>
    <xf numFmtId="0" fontId="14" fillId="0" borderId="0" xfId="0" applyFont="1" applyAlignment="1">
      <alignment horizontal="center"/>
    </xf>
    <xf numFmtId="0" fontId="14" fillId="0" borderId="14" xfId="0" applyFont="1" applyBorder="1" applyAlignment="1">
      <alignment horizontal="center"/>
    </xf>
    <xf numFmtId="0" fontId="14" fillId="0" borderId="21" xfId="0" applyFont="1" applyBorder="1" applyAlignment="1">
      <alignment horizontal="center"/>
    </xf>
    <xf numFmtId="0" fontId="6" fillId="0" borderId="0" xfId="0" applyFont="1" applyAlignment="1">
      <alignment horizontal="left"/>
    </xf>
    <xf numFmtId="0" fontId="6" fillId="0" borderId="39" xfId="2" applyFont="1" applyBorder="1"/>
    <xf numFmtId="0" fontId="8" fillId="0" borderId="3" xfId="2" applyFont="1" applyBorder="1"/>
    <xf numFmtId="176" fontId="6" fillId="0" borderId="6" xfId="2" applyNumberFormat="1" applyFont="1" applyBorder="1" applyAlignment="1">
      <alignment vertical="center"/>
    </xf>
    <xf numFmtId="0" fontId="14" fillId="0" borderId="12" xfId="2" applyFont="1" applyBorder="1" applyAlignment="1">
      <alignment horizontal="center"/>
    </xf>
    <xf numFmtId="183" fontId="6" fillId="0" borderId="29" xfId="2" applyNumberFormat="1" applyFont="1" applyBorder="1"/>
    <xf numFmtId="0" fontId="8" fillId="0" borderId="30" xfId="2" applyFont="1" applyBorder="1"/>
    <xf numFmtId="183" fontId="6" fillId="0" borderId="14" xfId="2" applyNumberFormat="1" applyFont="1" applyBorder="1"/>
    <xf numFmtId="0" fontId="8" fillId="0" borderId="13" xfId="2" applyFont="1" applyBorder="1"/>
    <xf numFmtId="178" fontId="6" fillId="0" borderId="21" xfId="2" applyNumberFormat="1" applyFont="1" applyBorder="1"/>
    <xf numFmtId="176" fontId="6" fillId="0" borderId="23" xfId="2" applyNumberFormat="1" applyFont="1" applyBorder="1"/>
    <xf numFmtId="176" fontId="8" fillId="0" borderId="34" xfId="2" applyNumberFormat="1" applyFont="1" applyBorder="1"/>
    <xf numFmtId="178" fontId="6" fillId="0" borderId="0" xfId="2" applyNumberFormat="1" applyFont="1"/>
    <xf numFmtId="176" fontId="6" fillId="0" borderId="2" xfId="1" applyNumberFormat="1" applyFont="1" applyFill="1" applyBorder="1" applyAlignment="1">
      <alignment horizontal="center"/>
    </xf>
    <xf numFmtId="176" fontId="8" fillId="0" borderId="3" xfId="2" applyNumberFormat="1" applyFont="1" applyBorder="1" applyAlignment="1">
      <alignment horizontal="center"/>
    </xf>
    <xf numFmtId="176" fontId="8" fillId="0" borderId="7" xfId="2" applyNumberFormat="1" applyFont="1" applyBorder="1" applyAlignment="1">
      <alignment horizontal="center"/>
    </xf>
    <xf numFmtId="184" fontId="6" fillId="0" borderId="0" xfId="2" applyNumberFormat="1" applyFont="1" applyAlignment="1">
      <alignment horizontal="right"/>
    </xf>
    <xf numFmtId="178" fontId="8" fillId="0" borderId="10" xfId="2" applyNumberFormat="1" applyFont="1" applyBorder="1"/>
    <xf numFmtId="181" fontId="14" fillId="0" borderId="15" xfId="2" applyNumberFormat="1" applyFont="1" applyBorder="1" applyAlignment="1">
      <alignment horizontal="right"/>
    </xf>
    <xf numFmtId="184" fontId="14" fillId="0" borderId="0" xfId="2" applyNumberFormat="1" applyFont="1" applyAlignment="1">
      <alignment horizontal="right"/>
    </xf>
    <xf numFmtId="178" fontId="14" fillId="0" borderId="0" xfId="2" applyNumberFormat="1" applyFont="1"/>
    <xf numFmtId="178" fontId="17" fillId="0" borderId="10" xfId="2" applyNumberFormat="1" applyFont="1" applyBorder="1"/>
    <xf numFmtId="177" fontId="6" fillId="0" borderId="0" xfId="2" applyNumberFormat="1" applyFont="1" applyAlignment="1">
      <alignment horizontal="right"/>
    </xf>
    <xf numFmtId="181" fontId="6" fillId="0" borderId="12" xfId="2" applyNumberFormat="1" applyFont="1" applyBorder="1" applyAlignment="1">
      <alignment horizontal="right"/>
    </xf>
    <xf numFmtId="177" fontId="6" fillId="0" borderId="12" xfId="2" applyNumberFormat="1" applyFont="1" applyBorder="1" applyAlignment="1">
      <alignment horizontal="right"/>
    </xf>
    <xf numFmtId="176" fontId="6" fillId="0" borderId="12" xfId="2" applyNumberFormat="1" applyFont="1" applyBorder="1" applyAlignment="1">
      <alignment horizontal="right"/>
    </xf>
    <xf numFmtId="178" fontId="6" fillId="0" borderId="12" xfId="2" applyNumberFormat="1" applyFont="1" applyBorder="1"/>
    <xf numFmtId="178" fontId="8" fillId="0" borderId="37" xfId="2" applyNumberFormat="1" applyFont="1" applyBorder="1"/>
    <xf numFmtId="181" fontId="6" fillId="0" borderId="21" xfId="2" applyNumberFormat="1" applyFont="1" applyBorder="1" applyAlignment="1">
      <alignment horizontal="right"/>
    </xf>
    <xf numFmtId="177" fontId="6" fillId="0" borderId="21" xfId="2" applyNumberFormat="1" applyFont="1" applyBorder="1" applyAlignment="1">
      <alignment horizontal="right"/>
    </xf>
    <xf numFmtId="176" fontId="6" fillId="0" borderId="21" xfId="2" applyNumberFormat="1" applyFont="1" applyBorder="1" applyAlignment="1">
      <alignment horizontal="right"/>
    </xf>
    <xf numFmtId="0" fontId="9" fillId="0" borderId="0" xfId="2" applyFont="1"/>
    <xf numFmtId="0" fontId="6" fillId="0" borderId="0" xfId="2" applyFont="1" applyAlignment="1">
      <alignment wrapText="1"/>
    </xf>
    <xf numFmtId="0" fontId="8" fillId="0" borderId="0" xfId="2" applyFont="1" applyAlignment="1">
      <alignment wrapText="1"/>
    </xf>
    <xf numFmtId="56" fontId="6" fillId="0" borderId="21" xfId="2" applyNumberFormat="1" applyFont="1" applyBorder="1"/>
    <xf numFmtId="56" fontId="6" fillId="0" borderId="23" xfId="2" applyNumberFormat="1" applyFont="1" applyBorder="1"/>
    <xf numFmtId="181" fontId="8" fillId="0" borderId="37" xfId="2" applyNumberFormat="1" applyFont="1" applyBorder="1"/>
    <xf numFmtId="0" fontId="6" fillId="0" borderId="2" xfId="0" applyFont="1" applyBorder="1" applyAlignment="1">
      <alignment horizontal="left" shrinkToFit="1"/>
    </xf>
    <xf numFmtId="178" fontId="8" fillId="0" borderId="0" xfId="2" applyNumberFormat="1" applyFont="1"/>
    <xf numFmtId="0" fontId="8" fillId="0" borderId="5" xfId="2" applyFont="1" applyBorder="1"/>
    <xf numFmtId="0" fontId="8" fillId="0" borderId="2" xfId="2" applyFont="1" applyBorder="1"/>
    <xf numFmtId="176" fontId="8" fillId="0" borderId="2" xfId="1" applyNumberFormat="1" applyFont="1" applyFill="1" applyBorder="1" applyAlignment="1">
      <alignment horizontal="center"/>
    </xf>
    <xf numFmtId="0" fontId="8" fillId="0" borderId="2" xfId="2" applyFont="1" applyBorder="1" applyAlignment="1">
      <alignment horizontal="center"/>
    </xf>
    <xf numFmtId="176" fontId="8" fillId="0" borderId="9" xfId="1" applyNumberFormat="1" applyFont="1" applyFill="1" applyBorder="1" applyAlignment="1">
      <alignment horizontal="center" vertical="center"/>
    </xf>
    <xf numFmtId="56" fontId="8" fillId="0" borderId="9" xfId="2" quotePrefix="1" applyNumberFormat="1" applyFont="1" applyBorder="1" applyAlignment="1">
      <alignment horizontal="center"/>
    </xf>
    <xf numFmtId="56" fontId="8" fillId="0" borderId="9" xfId="2" quotePrefix="1" applyNumberFormat="1" applyFont="1" applyBorder="1" applyAlignment="1">
      <alignment horizontal="centerContinuous" vertical="center"/>
    </xf>
    <xf numFmtId="0" fontId="8" fillId="0" borderId="9" xfId="2" applyFont="1" applyBorder="1" applyAlignment="1">
      <alignment horizontal="centerContinuous" vertical="center"/>
    </xf>
    <xf numFmtId="56" fontId="8" fillId="0" borderId="9" xfId="2" applyNumberFormat="1" applyFont="1" applyBorder="1" applyAlignment="1">
      <alignment horizontal="center"/>
    </xf>
    <xf numFmtId="176" fontId="8" fillId="0" borderId="16" xfId="1" applyNumberFormat="1" applyFont="1" applyFill="1" applyBorder="1" applyAlignment="1">
      <alignment horizontal="center" vertical="center"/>
    </xf>
    <xf numFmtId="176" fontId="8" fillId="0" borderId="16" xfId="2" applyNumberFormat="1" applyFont="1" applyBorder="1" applyAlignment="1">
      <alignment horizontal="center" vertical="center"/>
    </xf>
    <xf numFmtId="0" fontId="8" fillId="0" borderId="16" xfId="2" applyFont="1" applyBorder="1" applyAlignment="1">
      <alignment horizontal="centerContinuous" vertical="center"/>
    </xf>
    <xf numFmtId="176" fontId="8" fillId="0" borderId="16" xfId="2" quotePrefix="1" applyNumberFormat="1" applyFont="1" applyBorder="1" applyAlignment="1">
      <alignment horizontal="center" vertical="center"/>
    </xf>
    <xf numFmtId="0" fontId="8" fillId="0" borderId="16" xfId="2" applyFont="1" applyBorder="1" applyAlignment="1">
      <alignment horizontal="center" vertical="center"/>
    </xf>
    <xf numFmtId="0" fontId="8" fillId="0" borderId="0" xfId="2" applyFont="1" applyAlignment="1">
      <alignment horizontal="center"/>
    </xf>
    <xf numFmtId="0" fontId="8" fillId="0" borderId="15" xfId="2" applyFont="1" applyBorder="1" applyAlignment="1">
      <alignment horizontal="centerContinuous" vertical="center"/>
    </xf>
    <xf numFmtId="0" fontId="8" fillId="0" borderId="0" xfId="2" applyFont="1" applyAlignment="1">
      <alignment horizontal="centerContinuous" vertical="center"/>
    </xf>
    <xf numFmtId="0" fontId="8" fillId="0" borderId="14" xfId="2" applyFont="1" applyBorder="1" applyAlignment="1">
      <alignment horizontal="centerContinuous" vertical="center"/>
    </xf>
    <xf numFmtId="0" fontId="8" fillId="0" borderId="21" xfId="2" applyFont="1" applyBorder="1" applyAlignment="1">
      <alignment horizontal="center"/>
    </xf>
    <xf numFmtId="176" fontId="8" fillId="0" borderId="22" xfId="1" applyNumberFormat="1" applyFont="1" applyFill="1" applyBorder="1" applyAlignment="1">
      <alignment horizontal="center" vertical="center"/>
    </xf>
    <xf numFmtId="176" fontId="8" fillId="0" borderId="22" xfId="2" applyNumberFormat="1" applyFont="1" applyBorder="1"/>
    <xf numFmtId="0" fontId="8" fillId="0" borderId="20" xfId="2" applyFont="1" applyBorder="1" applyAlignment="1">
      <alignment horizontal="center" vertical="center"/>
    </xf>
    <xf numFmtId="56" fontId="8" fillId="0" borderId="21" xfId="2" applyNumberFormat="1" applyFont="1" applyBorder="1"/>
    <xf numFmtId="56" fontId="8" fillId="0" borderId="23" xfId="2" applyNumberFormat="1" applyFont="1" applyBorder="1"/>
    <xf numFmtId="0" fontId="8" fillId="0" borderId="23" xfId="2" applyFont="1" applyBorder="1" applyAlignment="1">
      <alignment horizontal="center" vertical="center"/>
    </xf>
    <xf numFmtId="0" fontId="8" fillId="0" borderId="22" xfId="2" applyFont="1" applyBorder="1" applyAlignment="1">
      <alignment horizontal="center" vertical="center"/>
    </xf>
    <xf numFmtId="176" fontId="8" fillId="0" borderId="25" xfId="1" applyNumberFormat="1" applyFont="1" applyFill="1" applyBorder="1" applyAlignment="1">
      <alignment horizontal="center"/>
    </xf>
    <xf numFmtId="0" fontId="8" fillId="0" borderId="0" xfId="2" applyFont="1" applyAlignment="1">
      <alignment shrinkToFit="1"/>
    </xf>
    <xf numFmtId="177" fontId="8" fillId="0" borderId="0" xfId="2" applyNumberFormat="1" applyFont="1" applyAlignment="1">
      <alignment horizontal="right"/>
    </xf>
    <xf numFmtId="176" fontId="8" fillId="0" borderId="0" xfId="2" applyNumberFormat="1" applyFont="1" applyAlignment="1">
      <alignment horizontal="right"/>
    </xf>
    <xf numFmtId="178" fontId="8" fillId="0" borderId="10" xfId="2" applyNumberFormat="1" applyFont="1" applyBorder="1" applyAlignment="1">
      <alignment horizontal="right"/>
    </xf>
    <xf numFmtId="181" fontId="8" fillId="0" borderId="21" xfId="2" applyNumberFormat="1" applyFont="1" applyBorder="1" applyAlignment="1">
      <alignment horizontal="right"/>
    </xf>
    <xf numFmtId="177" fontId="8" fillId="0" borderId="21" xfId="2" applyNumberFormat="1" applyFont="1" applyBorder="1" applyAlignment="1">
      <alignment horizontal="right"/>
    </xf>
    <xf numFmtId="176" fontId="8" fillId="0" borderId="21" xfId="2" applyNumberFormat="1" applyFont="1" applyBorder="1" applyAlignment="1">
      <alignment horizontal="right"/>
    </xf>
    <xf numFmtId="178" fontId="8" fillId="0" borderId="21" xfId="2" applyNumberFormat="1" applyFont="1" applyBorder="1"/>
    <xf numFmtId="184" fontId="6" fillId="0" borderId="0" xfId="2" applyNumberFormat="1" applyFont="1"/>
    <xf numFmtId="185" fontId="6" fillId="0" borderId="0" xfId="2" applyNumberFormat="1" applyFont="1"/>
    <xf numFmtId="0" fontId="14" fillId="0" borderId="0" xfId="2" applyFont="1" applyAlignment="1">
      <alignment horizontal="left"/>
    </xf>
    <xf numFmtId="184" fontId="14" fillId="0" borderId="15" xfId="2" applyNumberFormat="1" applyFont="1" applyBorder="1"/>
    <xf numFmtId="184" fontId="14" fillId="0" borderId="0" xfId="2" applyNumberFormat="1" applyFont="1"/>
    <xf numFmtId="177" fontId="14" fillId="0" borderId="0" xfId="2" applyNumberFormat="1" applyFont="1"/>
    <xf numFmtId="185" fontId="14" fillId="0" borderId="0" xfId="2" applyNumberFormat="1" applyFont="1"/>
    <xf numFmtId="176" fontId="6" fillId="0" borderId="18" xfId="2" applyNumberFormat="1" applyFont="1" applyBorder="1"/>
    <xf numFmtId="181" fontId="6" fillId="0" borderId="31" xfId="2" applyNumberFormat="1" applyFont="1" applyBorder="1" applyAlignment="1">
      <alignment horizontal="right"/>
    </xf>
    <xf numFmtId="177" fontId="6" fillId="0" borderId="31" xfId="2" applyNumberFormat="1" applyFont="1" applyBorder="1" applyAlignment="1">
      <alignment horizontal="right"/>
    </xf>
    <xf numFmtId="176" fontId="6" fillId="0" borderId="31" xfId="2" applyNumberFormat="1" applyFont="1" applyBorder="1" applyAlignment="1">
      <alignment horizontal="right"/>
    </xf>
    <xf numFmtId="178" fontId="6" fillId="0" borderId="31" xfId="2" applyNumberFormat="1" applyFont="1" applyBorder="1"/>
    <xf numFmtId="176" fontId="14" fillId="0" borderId="0" xfId="2" applyNumberFormat="1" applyFont="1"/>
    <xf numFmtId="181" fontId="14" fillId="0" borderId="0" xfId="2" quotePrefix="1" applyNumberFormat="1" applyFont="1" applyAlignment="1">
      <alignment horizontal="right"/>
    </xf>
    <xf numFmtId="181" fontId="14" fillId="0" borderId="0" xfId="2" applyNumberFormat="1" applyFont="1"/>
    <xf numFmtId="181" fontId="6" fillId="0" borderId="21" xfId="2" applyNumberFormat="1" applyFont="1" applyBorder="1"/>
    <xf numFmtId="183" fontId="8" fillId="0" borderId="24" xfId="2" applyNumberFormat="1" applyFont="1" applyBorder="1"/>
    <xf numFmtId="0" fontId="9" fillId="0" borderId="2" xfId="2" applyFont="1" applyBorder="1" applyAlignment="1">
      <alignment horizontal="left"/>
    </xf>
    <xf numFmtId="185" fontId="6" fillId="0" borderId="10" xfId="0" applyNumberFormat="1" applyFont="1" applyBorder="1" applyAlignment="1"/>
    <xf numFmtId="0" fontId="19" fillId="0" borderId="0" xfId="0" applyFont="1" applyAlignment="1">
      <alignment vertical="center" wrapText="1"/>
    </xf>
    <xf numFmtId="176" fontId="6" fillId="0" borderId="15" xfId="0" applyNumberFormat="1" applyFont="1" applyBorder="1">
      <alignment vertical="center"/>
    </xf>
    <xf numFmtId="184" fontId="6" fillId="0" borderId="0" xfId="2" applyNumberFormat="1" applyFont="1" applyAlignment="1">
      <alignment vertical="center"/>
    </xf>
    <xf numFmtId="177" fontId="6" fillId="0" borderId="0" xfId="2" applyNumberFormat="1" applyFont="1" applyAlignment="1">
      <alignment vertical="center"/>
    </xf>
    <xf numFmtId="185" fontId="6" fillId="0" borderId="0" xfId="2" applyNumberFormat="1" applyFont="1" applyAlignment="1">
      <alignment vertical="center"/>
    </xf>
    <xf numFmtId="185" fontId="6" fillId="0" borderId="10" xfId="0" applyNumberFormat="1" applyFont="1" applyBorder="1">
      <alignment vertical="center"/>
    </xf>
    <xf numFmtId="0" fontId="14" fillId="0" borderId="0" xfId="0" applyFont="1" applyAlignment="1">
      <alignment horizontal="left"/>
    </xf>
    <xf numFmtId="181" fontId="14" fillId="0" borderId="15" xfId="0" applyNumberFormat="1" applyFont="1" applyBorder="1" applyAlignment="1">
      <alignment horizontal="right"/>
    </xf>
    <xf numFmtId="185" fontId="14" fillId="0" borderId="10" xfId="0" applyNumberFormat="1" applyFont="1" applyBorder="1" applyAlignment="1"/>
    <xf numFmtId="176" fontId="6" fillId="0" borderId="0" xfId="0" applyNumberFormat="1" applyFont="1" applyAlignment="1"/>
    <xf numFmtId="178" fontId="6" fillId="0" borderId="0" xfId="0" applyNumberFormat="1" applyFont="1" applyAlignment="1"/>
    <xf numFmtId="181" fontId="6" fillId="0" borderId="0" xfId="0" applyNumberFormat="1" applyFont="1" applyAlignment="1"/>
    <xf numFmtId="0" fontId="7" fillId="0" borderId="0" xfId="0" applyFont="1" applyAlignment="1"/>
    <xf numFmtId="176" fontId="6" fillId="0" borderId="0" xfId="3" applyNumberFormat="1" applyFont="1" applyFill="1" applyAlignment="1">
      <alignment vertical="center"/>
    </xf>
    <xf numFmtId="176" fontId="6" fillId="0" borderId="0" xfId="0" applyNumberFormat="1" applyFont="1">
      <alignment vertical="center"/>
    </xf>
    <xf numFmtId="0" fontId="8" fillId="0" borderId="0" xfId="0" applyFont="1">
      <alignment vertical="center"/>
    </xf>
    <xf numFmtId="0" fontId="7" fillId="0" borderId="0" xfId="0" applyFont="1" applyAlignment="1">
      <alignment horizontal="center" vertical="center"/>
    </xf>
    <xf numFmtId="0" fontId="6" fillId="0" borderId="5" xfId="0" applyFont="1" applyBorder="1" applyAlignment="1"/>
    <xf numFmtId="0" fontId="6" fillId="0" borderId="2" xfId="0" applyFont="1" applyBorder="1" applyAlignment="1">
      <alignment horizontal="center" vertical="center" textRotation="255"/>
    </xf>
    <xf numFmtId="0" fontId="6" fillId="0" borderId="21" xfId="0" applyFont="1" applyBorder="1" applyAlignment="1">
      <alignment horizontal="center" vertical="center" textRotation="255"/>
    </xf>
    <xf numFmtId="181" fontId="6" fillId="0" borderId="23" xfId="2" applyNumberFormat="1" applyFont="1" applyBorder="1" applyAlignment="1">
      <alignment horizontal="center" vertical="center"/>
    </xf>
    <xf numFmtId="0" fontId="6" fillId="0" borderId="0" xfId="0" applyFont="1" applyAlignment="1">
      <alignment horizontal="center" vertical="center" textRotation="255"/>
    </xf>
    <xf numFmtId="176" fontId="6" fillId="0" borderId="2" xfId="0" applyNumberFormat="1" applyFont="1" applyBorder="1" applyAlignment="1">
      <alignment horizontal="center" vertical="center"/>
    </xf>
    <xf numFmtId="0" fontId="6" fillId="0" borderId="6" xfId="0" applyFont="1" applyBorder="1">
      <alignment vertical="center"/>
    </xf>
    <xf numFmtId="0" fontId="8" fillId="0" borderId="7" xfId="0" applyFont="1" applyBorder="1">
      <alignment vertical="center"/>
    </xf>
    <xf numFmtId="0" fontId="6" fillId="0" borderId="0" xfId="0" applyFont="1" applyAlignment="1">
      <alignment horizontal="right" vertical="center"/>
    </xf>
    <xf numFmtId="185" fontId="6" fillId="0" borderId="0" xfId="0" applyNumberFormat="1" applyFont="1" applyAlignment="1">
      <alignment horizontal="right" vertical="center"/>
    </xf>
    <xf numFmtId="0" fontId="6" fillId="0" borderId="14" xfId="0" applyFont="1" applyBorder="1" applyAlignment="1">
      <alignment horizontal="right" vertical="center"/>
    </xf>
    <xf numFmtId="0" fontId="8" fillId="0" borderId="10" xfId="0" applyFont="1" applyBorder="1" applyAlignment="1">
      <alignment horizontal="right" vertical="center"/>
    </xf>
    <xf numFmtId="0" fontId="6" fillId="0" borderId="11" xfId="0" applyFont="1" applyBorder="1" applyAlignment="1">
      <alignment horizontal="center" vertical="center" textRotation="255"/>
    </xf>
    <xf numFmtId="0" fontId="6" fillId="0" borderId="12" xfId="0" applyFont="1" applyBorder="1" applyAlignment="1">
      <alignment horizontal="center" vertical="center" textRotation="255" wrapText="1"/>
    </xf>
    <xf numFmtId="0" fontId="6" fillId="0" borderId="12" xfId="0" applyFont="1" applyBorder="1" applyAlignment="1">
      <alignment vertical="top"/>
    </xf>
    <xf numFmtId="176" fontId="6" fillId="0" borderId="28" xfId="3" applyNumberFormat="1" applyFont="1" applyFill="1" applyBorder="1" applyAlignment="1">
      <alignment vertical="top"/>
    </xf>
    <xf numFmtId="176" fontId="6" fillId="0" borderId="12" xfId="0" applyNumberFormat="1" applyFont="1" applyBorder="1" applyAlignment="1">
      <alignment vertical="top"/>
    </xf>
    <xf numFmtId="178" fontId="6" fillId="0" borderId="12" xfId="0" applyNumberFormat="1" applyFont="1" applyBorder="1" applyAlignment="1">
      <alignment vertical="top"/>
    </xf>
    <xf numFmtId="185" fontId="6" fillId="0" borderId="12" xfId="0" applyNumberFormat="1" applyFont="1" applyBorder="1" applyAlignment="1">
      <alignment horizontal="center" vertical="top"/>
    </xf>
    <xf numFmtId="0" fontId="8" fillId="0" borderId="10" xfId="0" applyFont="1" applyBorder="1" applyAlignment="1">
      <alignment horizontal="center" vertical="center"/>
    </xf>
    <xf numFmtId="0" fontId="6" fillId="0" borderId="4" xfId="0" applyFont="1" applyBorder="1" applyAlignment="1">
      <alignment horizontal="center" vertical="center" textRotation="255" wrapText="1"/>
    </xf>
    <xf numFmtId="0" fontId="6" fillId="0" borderId="0" xfId="0" applyFont="1" applyAlignment="1">
      <alignment horizontal="center" vertical="center" textRotation="255" wrapText="1"/>
    </xf>
    <xf numFmtId="176" fontId="6" fillId="0" borderId="31" xfId="0" applyNumberFormat="1" applyFont="1" applyBorder="1" applyAlignment="1">
      <alignment vertical="top"/>
    </xf>
    <xf numFmtId="0" fontId="6" fillId="0" borderId="31" xfId="0" applyFont="1" applyBorder="1" applyAlignment="1">
      <alignment vertical="top"/>
    </xf>
    <xf numFmtId="178" fontId="6" fillId="0" borderId="31" xfId="0" applyNumberFormat="1" applyFont="1" applyBorder="1" applyAlignment="1">
      <alignment vertical="top"/>
    </xf>
    <xf numFmtId="185" fontId="6" fillId="0" borderId="31" xfId="0" applyNumberFormat="1" applyFont="1" applyBorder="1" applyAlignment="1">
      <alignment horizontal="center" vertical="top"/>
    </xf>
    <xf numFmtId="0" fontId="6" fillId="0" borderId="32" xfId="0" applyFont="1" applyBorder="1" applyAlignment="1">
      <alignment horizontal="center" vertical="center"/>
    </xf>
    <xf numFmtId="0" fontId="8" fillId="0" borderId="38" xfId="0" applyFont="1" applyBorder="1" applyAlignment="1">
      <alignment horizontal="center" vertical="center"/>
    </xf>
    <xf numFmtId="0" fontId="14" fillId="0" borderId="4" xfId="0" applyFont="1" applyBorder="1" applyAlignment="1">
      <alignment horizontal="center" vertical="center"/>
    </xf>
    <xf numFmtId="0" fontId="14" fillId="0" borderId="0" xfId="0" applyFont="1" applyAlignment="1">
      <alignment horizontal="center" vertical="center"/>
    </xf>
    <xf numFmtId="0" fontId="14" fillId="0" borderId="14" xfId="0" applyFont="1" applyBorder="1" applyAlignment="1">
      <alignment horizontal="center" vertical="center"/>
    </xf>
    <xf numFmtId="176" fontId="14" fillId="0" borderId="0" xfId="0" applyNumberFormat="1" applyFont="1" applyAlignment="1"/>
    <xf numFmtId="0" fontId="6" fillId="0" borderId="0" xfId="0" quotePrefix="1" applyFont="1" applyAlignment="1">
      <alignment horizontal="right" vertical="center"/>
    </xf>
    <xf numFmtId="185" fontId="6" fillId="0" borderId="0" xfId="0" quotePrefix="1" applyNumberFormat="1" applyFont="1" applyAlignment="1">
      <alignment horizontal="right" vertical="center"/>
    </xf>
    <xf numFmtId="0" fontId="6" fillId="0" borderId="14" xfId="0" quotePrefix="1" applyFont="1" applyBorder="1" applyAlignment="1">
      <alignment horizontal="right" vertical="center"/>
    </xf>
    <xf numFmtId="0" fontId="8" fillId="0" borderId="10" xfId="0" quotePrefix="1" applyFont="1" applyBorder="1" applyAlignment="1">
      <alignment horizontal="right" vertical="center"/>
    </xf>
    <xf numFmtId="0" fontId="6" fillId="0" borderId="36" xfId="0" applyFont="1" applyBorder="1" applyAlignment="1">
      <alignment horizontal="center" vertical="center" textRotation="255" wrapText="1"/>
    </xf>
    <xf numFmtId="0" fontId="6" fillId="0" borderId="21" xfId="0" applyFont="1" applyBorder="1" applyAlignment="1">
      <alignment horizontal="center" vertical="center" textRotation="255" wrapText="1"/>
    </xf>
    <xf numFmtId="0" fontId="6" fillId="0" borderId="21" xfId="0" applyFont="1" applyBorder="1" applyAlignment="1">
      <alignment vertical="top"/>
    </xf>
    <xf numFmtId="176" fontId="6" fillId="0" borderId="20" xfId="3" applyNumberFormat="1" applyFont="1" applyFill="1" applyBorder="1" applyAlignment="1">
      <alignment vertical="top"/>
    </xf>
    <xf numFmtId="176" fontId="6" fillId="0" borderId="21" xfId="0" applyNumberFormat="1" applyFont="1" applyBorder="1" applyAlignment="1">
      <alignment vertical="top"/>
    </xf>
    <xf numFmtId="178" fontId="6" fillId="0" borderId="21" xfId="0" applyNumberFormat="1" applyFont="1" applyBorder="1" applyAlignment="1">
      <alignment vertical="top"/>
    </xf>
    <xf numFmtId="0" fontId="6" fillId="0" borderId="23" xfId="0" applyFont="1" applyBorder="1">
      <alignment vertical="center"/>
    </xf>
    <xf numFmtId="0" fontId="8" fillId="0" borderId="24" xfId="0" applyFont="1" applyBorder="1">
      <alignment vertical="center"/>
    </xf>
    <xf numFmtId="0" fontId="21" fillId="0" borderId="0" xfId="5" applyFont="1" applyAlignment="1">
      <alignment vertical="top"/>
    </xf>
    <xf numFmtId="0" fontId="8" fillId="0" borderId="0" xfId="5" applyFont="1" applyAlignment="1">
      <alignment vertical="top"/>
    </xf>
    <xf numFmtId="0" fontId="21" fillId="0" borderId="0" xfId="5" applyFont="1" applyAlignment="1">
      <alignment vertical="top" wrapText="1"/>
    </xf>
    <xf numFmtId="176" fontId="8" fillId="0" borderId="0" xfId="5" applyNumberFormat="1" applyFont="1" applyAlignment="1">
      <alignment vertical="top"/>
    </xf>
    <xf numFmtId="178" fontId="8" fillId="0" borderId="0" xfId="5" applyNumberFormat="1" applyFont="1" applyAlignment="1">
      <alignment vertical="top"/>
    </xf>
    <xf numFmtId="181" fontId="8" fillId="0" borderId="0" xfId="5" applyNumberFormat="1" applyFont="1" applyAlignment="1">
      <alignment vertical="top"/>
    </xf>
    <xf numFmtId="0" fontId="21" fillId="0" borderId="0" xfId="5" applyFont="1"/>
    <xf numFmtId="0" fontId="8" fillId="0" borderId="0" xfId="5" applyFont="1"/>
    <xf numFmtId="176" fontId="8" fillId="0" borderId="0" xfId="5" applyNumberFormat="1" applyFont="1"/>
    <xf numFmtId="178" fontId="8" fillId="0" borderId="0" xfId="5" applyNumberFormat="1" applyFont="1"/>
    <xf numFmtId="181" fontId="8" fillId="0" borderId="0" xfId="5" applyNumberFormat="1" applyFont="1"/>
    <xf numFmtId="0" fontId="8" fillId="0" borderId="5" xfId="5" applyFont="1" applyBorder="1"/>
    <xf numFmtId="0" fontId="8" fillId="0" borderId="2" xfId="5" applyFont="1" applyBorder="1"/>
    <xf numFmtId="0" fontId="8" fillId="0" borderId="2" xfId="5" applyFont="1" applyBorder="1" applyAlignment="1">
      <alignment horizontal="center"/>
    </xf>
    <xf numFmtId="176" fontId="8" fillId="0" borderId="3" xfId="5" applyNumberFormat="1" applyFont="1" applyBorder="1" applyAlignment="1">
      <alignment horizontal="center"/>
    </xf>
    <xf numFmtId="0" fontId="8" fillId="0" borderId="4" xfId="5" applyFont="1" applyBorder="1"/>
    <xf numFmtId="176" fontId="8" fillId="0" borderId="9" xfId="5" applyNumberFormat="1" applyFont="1" applyBorder="1" applyAlignment="1">
      <alignment horizontal="center" vertical="center"/>
    </xf>
    <xf numFmtId="56" fontId="22" fillId="0" borderId="26" xfId="2" applyNumberFormat="1" applyFont="1" applyBorder="1" applyAlignment="1">
      <alignment horizontal="centerContinuous" vertical="center"/>
    </xf>
    <xf numFmtId="0" fontId="8" fillId="0" borderId="26" xfId="2" applyFont="1" applyBorder="1" applyAlignment="1">
      <alignment horizontal="centerContinuous" vertical="center"/>
    </xf>
    <xf numFmtId="176" fontId="8" fillId="0" borderId="10" xfId="5" applyNumberFormat="1" applyFont="1" applyBorder="1" applyAlignment="1">
      <alignment horizontal="center" vertical="center" wrapText="1"/>
    </xf>
    <xf numFmtId="176" fontId="8" fillId="0" borderId="16" xfId="5" applyNumberFormat="1" applyFont="1" applyBorder="1" applyAlignment="1">
      <alignment horizontal="center" vertical="center"/>
    </xf>
    <xf numFmtId="0" fontId="23" fillId="0" borderId="9" xfId="4" applyFont="1" applyBorder="1" applyAlignment="1">
      <alignment horizontal="center" vertical="center"/>
    </xf>
    <xf numFmtId="0" fontId="8" fillId="0" borderId="9" xfId="4" applyFont="1" applyBorder="1" applyAlignment="1">
      <alignment horizontal="centerContinuous" vertical="center"/>
    </xf>
    <xf numFmtId="0" fontId="8" fillId="0" borderId="16" xfId="5" applyFont="1" applyBorder="1" applyAlignment="1">
      <alignment horizontal="center" vertical="center"/>
    </xf>
    <xf numFmtId="0" fontId="8" fillId="0" borderId="0" xfId="5" applyFont="1" applyAlignment="1">
      <alignment horizontal="center"/>
    </xf>
    <xf numFmtId="0" fontId="8" fillId="0" borderId="14" xfId="5" applyFont="1" applyBorder="1" applyAlignment="1">
      <alignment horizontal="center"/>
    </xf>
    <xf numFmtId="0" fontId="23" fillId="0" borderId="16" xfId="4" applyFont="1" applyBorder="1" applyAlignment="1">
      <alignment horizontal="center" vertical="center"/>
    </xf>
    <xf numFmtId="0" fontId="8" fillId="0" borderId="36" xfId="5" applyFont="1" applyBorder="1"/>
    <xf numFmtId="0" fontId="8" fillId="0" borderId="21" xfId="5" applyFont="1" applyBorder="1" applyAlignment="1">
      <alignment horizontal="center"/>
    </xf>
    <xf numFmtId="0" fontId="8" fillId="0" borderId="23" xfId="5" applyFont="1" applyBorder="1" applyAlignment="1">
      <alignment horizontal="center"/>
    </xf>
    <xf numFmtId="0" fontId="8" fillId="0" borderId="22" xfId="5" applyFont="1" applyBorder="1" applyAlignment="1">
      <alignment vertical="center"/>
    </xf>
    <xf numFmtId="0" fontId="8" fillId="0" borderId="22" xfId="4" applyFont="1" applyBorder="1" applyAlignment="1">
      <alignment vertical="center"/>
    </xf>
    <xf numFmtId="0" fontId="8" fillId="0" borderId="22" xfId="4" applyFont="1" applyBorder="1" applyAlignment="1">
      <alignment horizontal="center" vertical="center"/>
    </xf>
    <xf numFmtId="0" fontId="8" fillId="0" borderId="22" xfId="5" applyFont="1" applyBorder="1" applyAlignment="1">
      <alignment horizontal="center" vertical="center"/>
    </xf>
    <xf numFmtId="176" fontId="8" fillId="0" borderId="24" xfId="5" applyNumberFormat="1" applyFont="1" applyBorder="1" applyAlignment="1">
      <alignment horizontal="center" vertical="center"/>
    </xf>
    <xf numFmtId="176" fontId="8" fillId="0" borderId="7" xfId="5" applyNumberFormat="1" applyFont="1" applyBorder="1" applyAlignment="1">
      <alignment horizontal="center"/>
    </xf>
    <xf numFmtId="176" fontId="8" fillId="0" borderId="0" xfId="0" applyNumberFormat="1" applyFont="1" applyAlignment="1"/>
    <xf numFmtId="186" fontId="8" fillId="0" borderId="0" xfId="5" applyNumberFormat="1" applyFont="1" applyAlignment="1">
      <alignment horizontal="right"/>
    </xf>
    <xf numFmtId="184" fontId="8" fillId="0" borderId="0" xfId="2" applyNumberFormat="1" applyFont="1" applyAlignment="1">
      <alignment horizontal="right"/>
    </xf>
    <xf numFmtId="177" fontId="8" fillId="0" borderId="0" xfId="5" applyNumberFormat="1" applyFont="1" applyAlignment="1">
      <alignment horizontal="right"/>
    </xf>
    <xf numFmtId="187" fontId="8" fillId="0" borderId="0" xfId="5" applyNumberFormat="1" applyFont="1"/>
    <xf numFmtId="182" fontId="8" fillId="0" borderId="10" xfId="5" applyNumberFormat="1" applyFont="1" applyBorder="1"/>
    <xf numFmtId="0" fontId="17" fillId="0" borderId="0" xfId="5" applyFont="1" applyAlignment="1">
      <alignment horizontal="center"/>
    </xf>
    <xf numFmtId="177" fontId="8" fillId="0" borderId="0" xfId="5" applyNumberFormat="1" applyFont="1"/>
    <xf numFmtId="0" fontId="8" fillId="0" borderId="35" xfId="5" applyFont="1" applyBorder="1"/>
    <xf numFmtId="0" fontId="17" fillId="0" borderId="31" xfId="5" applyFont="1" applyBorder="1" applyAlignment="1">
      <alignment horizontal="center"/>
    </xf>
    <xf numFmtId="176" fontId="8" fillId="0" borderId="31" xfId="0" applyNumberFormat="1" applyFont="1" applyBorder="1" applyAlignment="1"/>
    <xf numFmtId="176" fontId="8" fillId="0" borderId="31" xfId="5" applyNumberFormat="1" applyFont="1" applyBorder="1"/>
    <xf numFmtId="186" fontId="8" fillId="0" borderId="31" xfId="5" applyNumberFormat="1" applyFont="1" applyBorder="1" applyAlignment="1">
      <alignment horizontal="right"/>
    </xf>
    <xf numFmtId="177" fontId="8" fillId="0" borderId="31" xfId="5" applyNumberFormat="1" applyFont="1" applyBorder="1"/>
    <xf numFmtId="178" fontId="8" fillId="0" borderId="31" xfId="5" applyNumberFormat="1" applyFont="1" applyBorder="1"/>
    <xf numFmtId="182" fontId="8" fillId="0" borderId="38" xfId="5" applyNumberFormat="1" applyFont="1" applyBorder="1"/>
    <xf numFmtId="0" fontId="17" fillId="0" borderId="4" xfId="5" applyFont="1" applyBorder="1"/>
    <xf numFmtId="0" fontId="17" fillId="0" borderId="0" xfId="5" applyFont="1" applyAlignment="1">
      <alignment horizontal="center"/>
    </xf>
    <xf numFmtId="0" fontId="17" fillId="0" borderId="14" xfId="5" applyFont="1" applyBorder="1" applyAlignment="1">
      <alignment horizontal="center"/>
    </xf>
    <xf numFmtId="176" fontId="17" fillId="0" borderId="0" xfId="0" applyNumberFormat="1" applyFont="1" applyAlignment="1"/>
    <xf numFmtId="176" fontId="17" fillId="0" borderId="0" xfId="5" applyNumberFormat="1" applyFont="1"/>
    <xf numFmtId="177" fontId="17" fillId="0" borderId="0" xfId="5" applyNumberFormat="1" applyFont="1" applyAlignment="1">
      <alignment horizontal="right"/>
    </xf>
    <xf numFmtId="178" fontId="17" fillId="0" borderId="0" xfId="5" applyNumberFormat="1" applyFont="1"/>
    <xf numFmtId="182" fontId="17" fillId="0" borderId="10" xfId="5" applyNumberFormat="1" applyFont="1" applyBorder="1"/>
    <xf numFmtId="0" fontId="17" fillId="0" borderId="0" xfId="5" applyFont="1"/>
    <xf numFmtId="0" fontId="17" fillId="0" borderId="21" xfId="5" applyFont="1" applyBorder="1" applyAlignment="1">
      <alignment horizontal="center"/>
    </xf>
    <xf numFmtId="176" fontId="8" fillId="0" borderId="20" xfId="5" applyNumberFormat="1" applyFont="1" applyBorder="1"/>
    <xf numFmtId="176" fontId="8" fillId="0" borderId="21" xfId="5" applyNumberFormat="1" applyFont="1" applyBorder="1"/>
    <xf numFmtId="186" fontId="8" fillId="0" borderId="21" xfId="5" applyNumberFormat="1" applyFont="1" applyBorder="1" applyAlignment="1">
      <alignment horizontal="right"/>
    </xf>
    <xf numFmtId="178" fontId="8" fillId="0" borderId="21" xfId="5" applyNumberFormat="1" applyFont="1" applyBorder="1"/>
    <xf numFmtId="176" fontId="8" fillId="0" borderId="24" xfId="5" applyNumberFormat="1" applyFont="1" applyBorder="1"/>
    <xf numFmtId="176" fontId="8" fillId="0" borderId="16" xfId="5" applyNumberFormat="1" applyFont="1" applyBorder="1" applyAlignment="1">
      <alignment horizontal="centerContinuous" vertical="center"/>
    </xf>
    <xf numFmtId="0" fontId="8" fillId="0" borderId="21" xfId="2" applyFont="1" applyBorder="1" applyAlignment="1">
      <alignment horizontal="center" vertical="center"/>
    </xf>
    <xf numFmtId="181" fontId="8" fillId="0" borderId="0" xfId="5" applyNumberFormat="1" applyFont="1" applyAlignment="1">
      <alignment horizontal="right"/>
    </xf>
    <xf numFmtId="178" fontId="8" fillId="0" borderId="10" xfId="0" applyNumberFormat="1" applyFont="1" applyBorder="1" applyAlignment="1"/>
    <xf numFmtId="176" fontId="8" fillId="0" borderId="10" xfId="0" applyNumberFormat="1" applyFont="1" applyBorder="1" applyAlignment="1"/>
    <xf numFmtId="181" fontId="8" fillId="0" borderId="31" xfId="5" applyNumberFormat="1" applyFont="1" applyBorder="1"/>
    <xf numFmtId="176" fontId="8" fillId="0" borderId="38" xfId="0" applyNumberFormat="1" applyFont="1" applyBorder="1" applyAlignment="1"/>
    <xf numFmtId="181" fontId="17" fillId="0" borderId="0" xfId="5" applyNumberFormat="1" applyFont="1" applyAlignment="1">
      <alignment horizontal="right"/>
    </xf>
    <xf numFmtId="178" fontId="17" fillId="0" borderId="10" xfId="0" applyNumberFormat="1" applyFont="1" applyBorder="1" applyAlignment="1"/>
    <xf numFmtId="0" fontId="18" fillId="0" borderId="2" xfId="0" applyFont="1" applyBorder="1" applyAlignment="1">
      <alignment horizontal="left"/>
    </xf>
    <xf numFmtId="0" fontId="1" fillId="0" borderId="0" xfId="0" applyFont="1" applyAlignment="1"/>
    <xf numFmtId="0" fontId="8" fillId="0" borderId="0" xfId="5" applyFont="1" applyAlignment="1">
      <alignment horizontal="left"/>
    </xf>
    <xf numFmtId="178" fontId="8" fillId="0" borderId="10" xfId="0" applyNumberFormat="1" applyFont="1" applyBorder="1" applyAlignment="1">
      <alignment horizontal="right"/>
    </xf>
    <xf numFmtId="0" fontId="17" fillId="0" borderId="0" xfId="0" applyFont="1" applyAlignment="1"/>
    <xf numFmtId="176" fontId="17" fillId="0" borderId="0" xfId="5" applyNumberFormat="1" applyFont="1" applyAlignment="1">
      <alignment horizontal="right"/>
    </xf>
    <xf numFmtId="186" fontId="17" fillId="0" borderId="0" xfId="5" applyNumberFormat="1" applyFont="1" applyAlignment="1">
      <alignment horizontal="right"/>
    </xf>
    <xf numFmtId="178" fontId="8" fillId="0" borderId="38" xfId="0" applyNumberFormat="1" applyFont="1" applyBorder="1" applyAlignment="1"/>
    <xf numFmtId="181" fontId="17" fillId="0" borderId="0" xfId="5" applyNumberFormat="1" applyFont="1"/>
    <xf numFmtId="0" fontId="18" fillId="0" borderId="0" xfId="0" applyFont="1" applyAlignment="1">
      <alignment horizontal="left"/>
    </xf>
    <xf numFmtId="181" fontId="8" fillId="0" borderId="0" xfId="0" applyNumberFormat="1" applyFont="1" applyAlignment="1"/>
    <xf numFmtId="181" fontId="17" fillId="0" borderId="0" xfId="0" applyNumberFormat="1" applyFont="1" applyAlignment="1"/>
    <xf numFmtId="0" fontId="17" fillId="0" borderId="0" xfId="5" applyFont="1" applyAlignment="1">
      <alignment horizontal="left"/>
    </xf>
    <xf numFmtId="179" fontId="8" fillId="0" borderId="10" xfId="0" applyNumberFormat="1" applyFont="1" applyBorder="1" applyAlignment="1"/>
    <xf numFmtId="179" fontId="8" fillId="0" borderId="38" xfId="0" applyNumberFormat="1" applyFont="1" applyBorder="1" applyAlignment="1"/>
    <xf numFmtId="0" fontId="22" fillId="0" borderId="2" xfId="5" applyFont="1" applyBorder="1" applyAlignment="1">
      <alignment horizontal="left"/>
    </xf>
    <xf numFmtId="176" fontId="8" fillId="0" borderId="20" xfId="0" applyNumberFormat="1" applyFont="1" applyBorder="1" applyAlignment="1"/>
    <xf numFmtId="176" fontId="8" fillId="0" borderId="21" xfId="0" applyNumberFormat="1" applyFont="1" applyBorder="1" applyAlignment="1"/>
    <xf numFmtId="181" fontId="8" fillId="0" borderId="21" xfId="5" applyNumberFormat="1" applyFont="1" applyBorder="1"/>
    <xf numFmtId="182" fontId="8" fillId="0" borderId="24" xfId="5" applyNumberFormat="1" applyFont="1" applyBorder="1"/>
    <xf numFmtId="0" fontId="18" fillId="0" borderId="2" xfId="0" applyFont="1" applyBorder="1" applyAlignment="1">
      <alignment horizontal="left" wrapText="1"/>
    </xf>
    <xf numFmtId="0" fontId="18" fillId="0" borderId="0" xfId="0" applyFont="1" applyAlignment="1">
      <alignment horizontal="left" wrapText="1"/>
    </xf>
    <xf numFmtId="0" fontId="8" fillId="0" borderId="0" xfId="4" applyFont="1"/>
    <xf numFmtId="0" fontId="21" fillId="0" borderId="0" xfId="4" applyFont="1"/>
    <xf numFmtId="0" fontId="8" fillId="0" borderId="5" xfId="4" applyFont="1" applyBorder="1"/>
    <xf numFmtId="0" fontId="8" fillId="0" borderId="2" xfId="4" applyFont="1" applyBorder="1"/>
    <xf numFmtId="0" fontId="8" fillId="0" borderId="4" xfId="4" applyFont="1" applyBorder="1"/>
    <xf numFmtId="0" fontId="8" fillId="0" borderId="0" xfId="4" applyFont="1" applyAlignment="1">
      <alignment horizontal="center"/>
    </xf>
    <xf numFmtId="0" fontId="8" fillId="0" borderId="14" xfId="4" applyFont="1" applyBorder="1" applyAlignment="1">
      <alignment horizontal="center"/>
    </xf>
    <xf numFmtId="0" fontId="8" fillId="0" borderId="36" xfId="4" applyFont="1" applyBorder="1"/>
    <xf numFmtId="0" fontId="8" fillId="0" borderId="21" xfId="4" applyFont="1" applyBorder="1" applyAlignment="1">
      <alignment horizontal="center"/>
    </xf>
    <xf numFmtId="0" fontId="8" fillId="0" borderId="23" xfId="4" applyFont="1" applyBorder="1" applyAlignment="1">
      <alignment horizontal="center"/>
    </xf>
    <xf numFmtId="0" fontId="8" fillId="0" borderId="2" xfId="4" applyFont="1" applyBorder="1" applyAlignment="1">
      <alignment horizontal="center"/>
    </xf>
    <xf numFmtId="176" fontId="8" fillId="0" borderId="15" xfId="5" applyNumberFormat="1" applyFont="1" applyBorder="1"/>
    <xf numFmtId="182" fontId="8" fillId="0" borderId="10" xfId="5" applyNumberFormat="1" applyFont="1" applyBorder="1" applyAlignment="1">
      <alignment horizontal="center"/>
    </xf>
    <xf numFmtId="0" fontId="17" fillId="0" borderId="0" xfId="4" applyFont="1" applyAlignment="1">
      <alignment horizontal="center"/>
    </xf>
    <xf numFmtId="0" fontId="8" fillId="0" borderId="35" xfId="4" applyFont="1" applyBorder="1"/>
    <xf numFmtId="0" fontId="8" fillId="0" borderId="31" xfId="4" applyFont="1" applyBorder="1"/>
    <xf numFmtId="0" fontId="17" fillId="0" borderId="31" xfId="4" applyFont="1" applyBorder="1" applyAlignment="1">
      <alignment horizontal="center"/>
    </xf>
    <xf numFmtId="0" fontId="17" fillId="0" borderId="0" xfId="4" applyFont="1" applyAlignment="1">
      <alignment horizontal="center"/>
    </xf>
    <xf numFmtId="0" fontId="8" fillId="0" borderId="21" xfId="4" applyFont="1" applyBorder="1"/>
    <xf numFmtId="0" fontId="21" fillId="0" borderId="0" xfId="2" applyFont="1"/>
    <xf numFmtId="0" fontId="8" fillId="0" borderId="0" xfId="2" applyFont="1" applyAlignment="1">
      <alignment vertical="top"/>
    </xf>
    <xf numFmtId="0" fontId="21" fillId="0" borderId="0" xfId="2" applyFont="1" applyAlignment="1">
      <alignment vertical="top"/>
    </xf>
    <xf numFmtId="176" fontId="8" fillId="0" borderId="0" xfId="2" applyNumberFormat="1" applyFont="1" applyAlignment="1">
      <alignment vertical="top"/>
    </xf>
    <xf numFmtId="178" fontId="8" fillId="0" borderId="0" xfId="2" applyNumberFormat="1" applyFont="1" applyAlignment="1">
      <alignment vertical="top"/>
    </xf>
    <xf numFmtId="181" fontId="8" fillId="0" borderId="0" xfId="2" applyNumberFormat="1" applyFont="1" applyAlignment="1">
      <alignment vertical="top"/>
    </xf>
    <xf numFmtId="0" fontId="24" fillId="0" borderId="0" xfId="2" applyFont="1"/>
    <xf numFmtId="0" fontId="24" fillId="0" borderId="0" xfId="2" applyFont="1" applyAlignment="1">
      <alignment vertical="top"/>
    </xf>
    <xf numFmtId="56" fontId="8" fillId="0" borderId="9" xfId="2" quotePrefix="1" applyNumberFormat="1" applyFont="1" applyBorder="1" applyAlignment="1">
      <alignment horizontal="center" vertical="center"/>
    </xf>
    <xf numFmtId="56" fontId="8" fillId="0" borderId="9" xfId="2" applyNumberFormat="1" applyFont="1" applyBorder="1" applyAlignment="1">
      <alignment horizontal="centerContinuous" vertical="center"/>
    </xf>
    <xf numFmtId="0" fontId="8" fillId="0" borderId="14" xfId="2" applyFont="1" applyBorder="1" applyAlignment="1">
      <alignment horizontal="center"/>
    </xf>
    <xf numFmtId="0" fontId="8" fillId="0" borderId="15" xfId="2" applyFont="1" applyBorder="1" applyAlignment="1">
      <alignment horizontal="center" vertical="center"/>
    </xf>
    <xf numFmtId="0" fontId="8" fillId="0" borderId="23" xfId="2" applyFont="1" applyBorder="1" applyAlignment="1">
      <alignment horizontal="center"/>
    </xf>
    <xf numFmtId="176" fontId="8" fillId="0" borderId="24" xfId="2" applyNumberFormat="1" applyFont="1" applyBorder="1" applyAlignment="1">
      <alignment horizontal="center"/>
    </xf>
    <xf numFmtId="176" fontId="8" fillId="0" borderId="15" xfId="2" applyNumberFormat="1" applyFont="1" applyBorder="1"/>
    <xf numFmtId="186" fontId="8" fillId="0" borderId="0" xfId="2" applyNumberFormat="1" applyFont="1" applyAlignment="1">
      <alignment horizontal="right"/>
    </xf>
    <xf numFmtId="176" fontId="17" fillId="0" borderId="15" xfId="2" applyNumberFormat="1" applyFont="1" applyBorder="1"/>
    <xf numFmtId="186" fontId="17" fillId="0" borderId="0" xfId="2" applyNumberFormat="1" applyFont="1" applyAlignment="1">
      <alignment horizontal="right"/>
    </xf>
    <xf numFmtId="177" fontId="17" fillId="0" borderId="0" xfId="2" applyNumberFormat="1" applyFont="1" applyAlignment="1">
      <alignment horizontal="right"/>
    </xf>
    <xf numFmtId="178" fontId="17" fillId="0" borderId="0" xfId="2" applyNumberFormat="1" applyFont="1"/>
    <xf numFmtId="185" fontId="17" fillId="0" borderId="10" xfId="0" quotePrefix="1" applyNumberFormat="1" applyFont="1" applyBorder="1" applyAlignment="1">
      <alignment horizontal="right"/>
    </xf>
    <xf numFmtId="0" fontId="17" fillId="0" borderId="0" xfId="2" applyFont="1" applyAlignment="1">
      <alignment horizontal="center"/>
    </xf>
    <xf numFmtId="0" fontId="17" fillId="0" borderId="31" xfId="2" applyFont="1" applyBorder="1" applyAlignment="1">
      <alignment horizontal="center"/>
    </xf>
    <xf numFmtId="176" fontId="8" fillId="0" borderId="18" xfId="2" applyNumberFormat="1" applyFont="1" applyBorder="1"/>
    <xf numFmtId="186" fontId="8" fillId="0" borderId="31" xfId="2" applyNumberFormat="1" applyFont="1" applyBorder="1" applyAlignment="1">
      <alignment horizontal="right"/>
    </xf>
    <xf numFmtId="177" fontId="8" fillId="0" borderId="31" xfId="2" applyNumberFormat="1" applyFont="1" applyBorder="1" applyAlignment="1">
      <alignment horizontal="right"/>
    </xf>
    <xf numFmtId="178" fontId="8" fillId="0" borderId="31" xfId="2" applyNumberFormat="1" applyFont="1" applyBorder="1"/>
    <xf numFmtId="182" fontId="8" fillId="0" borderId="38" xfId="2" applyNumberFormat="1" applyFont="1" applyBorder="1"/>
    <xf numFmtId="0" fontId="17" fillId="0" borderId="0" xfId="2" applyFont="1" applyAlignment="1">
      <alignment horizontal="center"/>
    </xf>
    <xf numFmtId="0" fontId="17" fillId="0" borderId="14" xfId="2" applyFont="1" applyBorder="1" applyAlignment="1">
      <alignment horizontal="center"/>
    </xf>
    <xf numFmtId="0" fontId="17" fillId="0" borderId="21" xfId="2" applyFont="1" applyBorder="1" applyAlignment="1">
      <alignment horizontal="center"/>
    </xf>
    <xf numFmtId="186" fontId="8" fillId="0" borderId="21" xfId="2" applyNumberFormat="1" applyFont="1" applyBorder="1" applyAlignment="1">
      <alignment horizontal="right"/>
    </xf>
    <xf numFmtId="0" fontId="22" fillId="0" borderId="0" xfId="0" applyFont="1" applyAlignment="1">
      <alignment horizontal="left" shrinkToFit="1"/>
    </xf>
    <xf numFmtId="182" fontId="17" fillId="0" borderId="10" xfId="2" applyNumberFormat="1" applyFont="1" applyBorder="1" applyAlignment="1">
      <alignment horizontal="right"/>
    </xf>
    <xf numFmtId="176" fontId="17" fillId="0" borderId="15" xfId="2" applyNumberFormat="1" applyFont="1" applyBorder="1" applyAlignment="1">
      <alignment horizontal="right"/>
    </xf>
    <xf numFmtId="176" fontId="8" fillId="0" borderId="38" xfId="2" applyNumberFormat="1" applyFont="1" applyBorder="1"/>
    <xf numFmtId="0" fontId="8" fillId="0" borderId="0" xfId="2" applyFont="1" applyAlignment="1">
      <alignment horizontal="left"/>
    </xf>
    <xf numFmtId="0" fontId="23" fillId="0" borderId="0" xfId="2" applyFont="1"/>
    <xf numFmtId="0" fontId="8" fillId="0" borderId="11" xfId="2" applyFont="1" applyBorder="1"/>
    <xf numFmtId="0" fontId="17" fillId="0" borderId="12" xfId="2" applyFont="1" applyBorder="1" applyAlignment="1">
      <alignment horizontal="center"/>
    </xf>
    <xf numFmtId="176" fontId="8" fillId="0" borderId="28" xfId="2" applyNumberFormat="1" applyFont="1" applyBorder="1"/>
    <xf numFmtId="186" fontId="8" fillId="0" borderId="12" xfId="2" applyNumberFormat="1" applyFont="1" applyBorder="1" applyAlignment="1">
      <alignment horizontal="right"/>
    </xf>
    <xf numFmtId="177" fontId="8" fillId="0" borderId="12" xfId="2" applyNumberFormat="1" applyFont="1" applyBorder="1" applyAlignment="1">
      <alignment horizontal="right"/>
    </xf>
    <xf numFmtId="178" fontId="8" fillId="0" borderId="12" xfId="2" applyNumberFormat="1" applyFont="1" applyBorder="1"/>
    <xf numFmtId="0" fontId="8" fillId="0" borderId="0" xfId="0" applyFont="1" applyAlignment="1">
      <alignment shrinkToFit="1"/>
    </xf>
    <xf numFmtId="176" fontId="8" fillId="0" borderId="18" xfId="1" applyNumberFormat="1" applyFont="1" applyFill="1" applyBorder="1" applyAlignment="1">
      <alignment horizontal="centerContinuous" vertical="center"/>
    </xf>
    <xf numFmtId="56" fontId="8" fillId="0" borderId="32" xfId="2" applyNumberFormat="1" applyFont="1" applyBorder="1" applyAlignment="1">
      <alignment horizontal="centerContinuous" vertical="center"/>
    </xf>
    <xf numFmtId="56" fontId="8" fillId="0" borderId="18" xfId="2" quotePrefix="1" applyNumberFormat="1" applyFont="1" applyBorder="1" applyAlignment="1">
      <alignment horizontal="centerContinuous" vertical="center"/>
    </xf>
    <xf numFmtId="176" fontId="8" fillId="0" borderId="15" xfId="1" applyNumberFormat="1" applyFont="1" applyFill="1" applyBorder="1" applyAlignment="1">
      <alignment horizontal="centerContinuous" vertical="center"/>
    </xf>
    <xf numFmtId="176" fontId="8" fillId="0" borderId="20" xfId="1" applyNumberFormat="1" applyFont="1" applyFill="1" applyBorder="1" applyAlignment="1">
      <alignment horizontal="centerContinuous" vertical="center"/>
    </xf>
    <xf numFmtId="0" fontId="8" fillId="0" borderId="23" xfId="2" applyFont="1" applyBorder="1" applyAlignment="1">
      <alignment horizontal="centerContinuous" vertical="center"/>
    </xf>
    <xf numFmtId="0" fontId="8" fillId="0" borderId="20" xfId="2" applyFont="1" applyBorder="1" applyAlignment="1">
      <alignment horizontal="centerContinuous" vertical="center"/>
    </xf>
    <xf numFmtId="176" fontId="8" fillId="0" borderId="25" xfId="1" applyNumberFormat="1" applyFont="1" applyFill="1" applyBorder="1" applyAlignment="1">
      <alignment horizontal="centerContinuous" vertical="center"/>
    </xf>
    <xf numFmtId="0" fontId="8" fillId="0" borderId="2" xfId="2" applyFont="1" applyBorder="1" applyAlignment="1">
      <alignment horizontal="centerContinuous" vertical="center"/>
    </xf>
    <xf numFmtId="176" fontId="8" fillId="0" borderId="15" xfId="2" applyNumberFormat="1" applyFont="1" applyBorder="1" applyAlignment="1">
      <alignment vertical="center"/>
    </xf>
    <xf numFmtId="184" fontId="8" fillId="0" borderId="0" xfId="2" applyNumberFormat="1" applyFont="1"/>
    <xf numFmtId="182" fontId="17" fillId="0" borderId="10" xfId="0" quotePrefix="1" applyNumberFormat="1" applyFont="1" applyBorder="1" applyAlignment="1">
      <alignment horizontal="right"/>
    </xf>
    <xf numFmtId="176" fontId="8" fillId="0" borderId="20" xfId="2" applyNumberFormat="1" applyFont="1" applyBorder="1" applyAlignment="1">
      <alignment horizontal="centerContinuous" vertical="center"/>
    </xf>
    <xf numFmtId="186" fontId="8" fillId="0" borderId="21" xfId="2" applyNumberFormat="1" applyFont="1" applyBorder="1" applyAlignment="1">
      <alignment horizontal="centerContinuous" vertical="center"/>
    </xf>
    <xf numFmtId="186" fontId="8" fillId="0" borderId="0" xfId="2" applyNumberFormat="1" applyFont="1" applyAlignment="1">
      <alignment horizontal="centerContinuous" vertical="center"/>
    </xf>
  </cellXfs>
  <cellStyles count="6">
    <cellStyle name="桁区切り" xfId="1" builtinId="6"/>
    <cellStyle name="桁区切り 2" xfId="3" xr:uid="{CD963DC9-EAE3-48BD-911E-6528EDF02C46}"/>
    <cellStyle name="標準" xfId="0" builtinId="0"/>
    <cellStyle name="標準_H22後期志願枠組み（定）" xfId="5" xr:uid="{0017ADB2-0964-4AC9-B000-0F9DD886F9B4}"/>
    <cellStyle name="標準_H22後期枠組み" xfId="2" xr:uid="{A42F0432-05AB-4425-A4D4-9EE91177AB5A}"/>
    <cellStyle name="標準_H22前期枠組み" xfId="4" xr:uid="{19E45ECB-3C8A-47A1-9930-3B0018CB483F}"/>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11</xdr:col>
      <xdr:colOff>28574</xdr:colOff>
      <xdr:row>1</xdr:row>
      <xdr:rowOff>15875</xdr:rowOff>
    </xdr:from>
    <xdr:ext cx="587375" cy="311150"/>
    <xdr:sp macro="" textlink="">
      <xdr:nvSpPr>
        <xdr:cNvPr id="2" name="テキスト ボックス 1">
          <a:extLst>
            <a:ext uri="{FF2B5EF4-FFF2-40B4-BE49-F238E27FC236}">
              <a16:creationId xmlns:a16="http://schemas.microsoft.com/office/drawing/2014/main" id="{42AC647B-40DA-49AF-BA1E-00DF26575684}"/>
            </a:ext>
          </a:extLst>
        </xdr:cNvPr>
        <xdr:cNvSpPr txBox="1"/>
      </xdr:nvSpPr>
      <xdr:spPr>
        <a:xfrm>
          <a:off x="6429374" y="187325"/>
          <a:ext cx="587375" cy="311150"/>
        </a:xfrm>
        <a:prstGeom prst="rect">
          <a:avLst/>
        </a:prstGeom>
        <a:no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pPr algn="ctr"/>
          <a:r>
            <a:rPr kumimoji="1" lang="ja-JP" altLang="en-US" sz="1200">
              <a:latin typeface="ＭＳ Ｐ明朝" panose="02020600040205080304" pitchFamily="18" charset="-128"/>
              <a:ea typeface="ＭＳ Ｐ明朝" panose="02020600040205080304" pitchFamily="18" charset="-128"/>
            </a:rPr>
            <a:t>別紙３</a:t>
          </a: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6</xdr:col>
      <xdr:colOff>197161</xdr:colOff>
      <xdr:row>188</xdr:row>
      <xdr:rowOff>103072</xdr:rowOff>
    </xdr:from>
    <xdr:to>
      <xdr:col>11</xdr:col>
      <xdr:colOff>545587</xdr:colOff>
      <xdr:row>194</xdr:row>
      <xdr:rowOff>14041</xdr:rowOff>
    </xdr:to>
    <xdr:sp macro="" textlink="">
      <xdr:nvSpPr>
        <xdr:cNvPr id="2" name="テキスト ボックス 1">
          <a:extLst>
            <a:ext uri="{FF2B5EF4-FFF2-40B4-BE49-F238E27FC236}">
              <a16:creationId xmlns:a16="http://schemas.microsoft.com/office/drawing/2014/main" id="{A5D942CF-D83B-456F-BEF5-4B68EBF6B751}"/>
            </a:ext>
          </a:extLst>
        </xdr:cNvPr>
        <xdr:cNvSpPr txBox="1"/>
      </xdr:nvSpPr>
      <xdr:spPr>
        <a:xfrm>
          <a:off x="4359586" y="28935247"/>
          <a:ext cx="2929701" cy="86346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100">
              <a:latin typeface="ＭＳ Ｐ明朝" panose="02020600040205080304" pitchFamily="18" charset="-128"/>
              <a:ea typeface="ＭＳ Ｐ明朝" panose="02020600040205080304" pitchFamily="18" charset="-128"/>
            </a:rPr>
            <a:t>※ </a:t>
          </a:r>
          <a:r>
            <a:rPr kumimoji="1" lang="ja-JP" altLang="en-US" sz="1100">
              <a:latin typeface="ＭＳ Ｐ明朝" panose="02020600040205080304" pitchFamily="18" charset="-128"/>
              <a:ea typeface="ＭＳ Ｐ明朝" panose="02020600040205080304" pitchFamily="18" charset="-128"/>
            </a:rPr>
            <a:t>連携募集は、志願変更を行いません。</a:t>
          </a:r>
          <a:endParaRPr kumimoji="1" lang="en-US" altLang="ja-JP" sz="1100">
            <a:latin typeface="ＭＳ Ｐ明朝" panose="02020600040205080304" pitchFamily="18" charset="-128"/>
            <a:ea typeface="ＭＳ Ｐ明朝" panose="02020600040205080304" pitchFamily="18" charset="-128"/>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X:\group\003_&#20837;&#36984;&#65319;\01&#12288;&#20837;&#36984;\11&#12288;&#20837;&#23398;&#32773;&#36984;&#25244;&#12395;&#20418;&#12427;&#35352;&#32773;&#30330;&#34920;&#36039;&#26009;\&#9679;R3&#65288;&#20196;&#21644;4&#24180;&#24230;&#20837;&#36984;&#65289;\&#35352;&#32773;&#30330;&#34920;&#36039;&#26009;\02_R4&#30330;&#34920;&#36039;&#26009;\03_R4.02.08%20&#20849;&#36890;&#12304;&#24535;&#22793;&#24460;&#24535;&#39000;&#32773;&#25968;&#12305;\06_&#12304;&#26368;&#32066;&#30906;&#23450;&#31295;&#12305;\H22&#35352;&#32773;&#30330;&#34920;&#36039;&#26009;\H22.1.12&#35352;&#32773;&#30330;&#34920;&#26528;\H22&#24460;&#26399;&#26528;&#32068;&#1241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鑑"/>
      <sheetName val="総括表 (全)"/>
      <sheetName val="普通科"/>
      <sheetName val="ｸﾘｴｲﾃｨﾌﾞｽｸｰﾙ・専門コース"/>
      <sheetName val="専門学科"/>
      <sheetName val="単位制"/>
      <sheetName val="定時制"/>
      <sheetName val="特別募集等"/>
      <sheetName val="鑑 (2)"/>
      <sheetName val="総括表 (変更全)"/>
      <sheetName val="普通科 (変更全)"/>
      <sheetName val="ｸﾘｴｲﾃｨﾌﾞｽｸｰﾙ・専門コース (変更全)"/>
      <sheetName val="専門学科 (変更全)"/>
      <sheetName val="単位制 (変更全)"/>
      <sheetName val="定時制 (変更)"/>
      <sheetName val="特別募集等 (変更)"/>
      <sheetName val="0203貼付"/>
      <sheetName val="0209貼付"/>
      <sheetName val="0209特貼付"/>
      <sheetName val="作業元"/>
      <sheetName val="作業ｼｰﾄ"/>
    </sheetNames>
    <sheetDataSet>
      <sheetData sheetId="0"/>
      <sheetData sheetId="1"/>
      <sheetData sheetId="2"/>
      <sheetData sheetId="3"/>
      <sheetData sheetId="4"/>
      <sheetData sheetId="5">
        <row r="5">
          <cell r="E5" t="str">
            <v>募集</v>
          </cell>
          <cell r="F5" t="str">
            <v>前期選抜</v>
          </cell>
          <cell r="G5" t="str">
            <v>前期選抜</v>
          </cell>
          <cell r="H5" t="str">
            <v>後期選抜</v>
          </cell>
          <cell r="I5" t="str">
            <v>前期選抜</v>
          </cell>
          <cell r="J5" t="str">
            <v>2月5日志願者数</v>
          </cell>
          <cell r="M5" t="str">
            <v>後期選抜</v>
          </cell>
          <cell r="N5" t="str">
            <v>前年度</v>
          </cell>
        </row>
        <row r="6">
          <cell r="C6" t="str">
            <v>学　校　名</v>
          </cell>
          <cell r="D6" t="str">
            <v>学科・コース名</v>
          </cell>
          <cell r="E6" t="str">
            <v>定員</v>
          </cell>
          <cell r="F6" t="str">
            <v>合格者数</v>
          </cell>
          <cell r="G6" t="str">
            <v>入学辞退</v>
          </cell>
          <cell r="H6" t="str">
            <v>募集人員</v>
          </cell>
          <cell r="I6" t="str">
            <v>入学辞退</v>
          </cell>
          <cell r="J6" t="str">
            <v>学区</v>
          </cell>
          <cell r="K6" t="str">
            <v>学区</v>
          </cell>
          <cell r="L6" t="str">
            <v>計</v>
          </cell>
          <cell r="M6" t="str">
            <v>競争率</v>
          </cell>
          <cell r="N6" t="str">
            <v>後期選抜</v>
          </cell>
        </row>
        <row r="7">
          <cell r="G7" t="str">
            <v>2月3日まで</v>
          </cell>
          <cell r="H7" t="str">
            <v>(A)</v>
          </cell>
          <cell r="I7" t="str">
            <v>2月4日以降</v>
          </cell>
          <cell r="J7" t="str">
            <v>内</v>
          </cell>
          <cell r="K7" t="str">
            <v>外</v>
          </cell>
          <cell r="L7" t="str">
            <v>(B)</v>
          </cell>
          <cell r="M7" t="str">
            <v>(B/A)</v>
          </cell>
          <cell r="N7" t="str">
            <v>競争率</v>
          </cell>
        </row>
        <row r="10">
          <cell r="C10" t="str">
            <v>県立神奈川総合</v>
          </cell>
          <cell r="D10" t="str">
            <v>普通科個性化コース</v>
          </cell>
          <cell r="E10">
            <v>130</v>
          </cell>
          <cell r="F10">
            <v>0</v>
          </cell>
          <cell r="G10">
            <v>0</v>
          </cell>
          <cell r="H10">
            <v>0</v>
          </cell>
          <cell r="I10">
            <v>0</v>
          </cell>
          <cell r="J10" t="str">
            <v>－</v>
          </cell>
          <cell r="K10" t="str">
            <v>－</v>
          </cell>
          <cell r="L10">
            <v>0</v>
          </cell>
          <cell r="M10">
            <v>0</v>
          </cell>
          <cell r="N10">
            <v>1.63</v>
          </cell>
        </row>
        <row r="11">
          <cell r="C11" t="str">
            <v>　　〃</v>
          </cell>
          <cell r="D11" t="str">
            <v>普通科国際文化コース</v>
          </cell>
          <cell r="E11">
            <v>80</v>
          </cell>
          <cell r="F11">
            <v>0</v>
          </cell>
          <cell r="G11">
            <v>0</v>
          </cell>
          <cell r="H11">
            <v>0</v>
          </cell>
          <cell r="I11">
            <v>0</v>
          </cell>
          <cell r="J11" t="str">
            <v>－</v>
          </cell>
          <cell r="K11" t="str">
            <v>－</v>
          </cell>
          <cell r="L11">
            <v>0</v>
          </cell>
          <cell r="M11">
            <v>0</v>
          </cell>
          <cell r="N11">
            <v>2.4</v>
          </cell>
        </row>
        <row r="12">
          <cell r="D12" t="str">
            <v>　　計</v>
          </cell>
          <cell r="E12">
            <v>210</v>
          </cell>
          <cell r="F12">
            <v>0</v>
          </cell>
          <cell r="G12">
            <v>0</v>
          </cell>
          <cell r="H12">
            <v>0</v>
          </cell>
          <cell r="I12">
            <v>0</v>
          </cell>
          <cell r="J12" t="str">
            <v>－</v>
          </cell>
          <cell r="K12" t="str">
            <v>－</v>
          </cell>
          <cell r="L12">
            <v>0</v>
          </cell>
          <cell r="M12">
            <v>0</v>
          </cell>
          <cell r="N12">
            <v>1.84</v>
          </cell>
        </row>
        <row r="13">
          <cell r="C13" t="str">
            <v>県立横浜旭陵</v>
          </cell>
          <cell r="D13" t="str">
            <v>普通科</v>
          </cell>
          <cell r="E13">
            <v>277</v>
          </cell>
          <cell r="F13">
            <v>0</v>
          </cell>
          <cell r="G13">
            <v>0</v>
          </cell>
          <cell r="H13">
            <v>0</v>
          </cell>
          <cell r="I13">
            <v>0</v>
          </cell>
          <cell r="J13" t="str">
            <v>－</v>
          </cell>
          <cell r="K13" t="str">
            <v>－</v>
          </cell>
          <cell r="L13">
            <v>0</v>
          </cell>
          <cell r="M13">
            <v>0</v>
          </cell>
          <cell r="N13">
            <v>1.33</v>
          </cell>
        </row>
        <row r="14">
          <cell r="C14" t="str">
            <v>県立横浜桜陽</v>
          </cell>
          <cell r="D14" t="str">
            <v>普通科</v>
          </cell>
          <cell r="E14">
            <v>270</v>
          </cell>
          <cell r="F14">
            <v>0</v>
          </cell>
          <cell r="G14">
            <v>0</v>
          </cell>
          <cell r="H14">
            <v>0</v>
          </cell>
          <cell r="I14">
            <v>0</v>
          </cell>
          <cell r="J14" t="str">
            <v>－</v>
          </cell>
          <cell r="K14" t="str">
            <v>－</v>
          </cell>
          <cell r="L14">
            <v>0</v>
          </cell>
          <cell r="M14">
            <v>0</v>
          </cell>
          <cell r="N14">
            <v>1.81</v>
          </cell>
        </row>
        <row r="15">
          <cell r="C15" t="str">
            <v>県立横浜栄</v>
          </cell>
          <cell r="D15" t="str">
            <v>普通科</v>
          </cell>
          <cell r="E15">
            <v>237</v>
          </cell>
          <cell r="F15">
            <v>0</v>
          </cell>
          <cell r="G15">
            <v>0</v>
          </cell>
          <cell r="H15">
            <v>0</v>
          </cell>
          <cell r="I15">
            <v>0</v>
          </cell>
          <cell r="J15" t="str">
            <v>－</v>
          </cell>
          <cell r="K15" t="str">
            <v>－</v>
          </cell>
          <cell r="L15">
            <v>0</v>
          </cell>
          <cell r="M15">
            <v>0</v>
          </cell>
          <cell r="N15">
            <v>1.32</v>
          </cell>
        </row>
        <row r="16">
          <cell r="C16" t="str">
            <v>県立川崎</v>
          </cell>
          <cell r="D16" t="str">
            <v>普通科</v>
          </cell>
          <cell r="E16">
            <v>230</v>
          </cell>
          <cell r="F16">
            <v>0</v>
          </cell>
          <cell r="G16">
            <v>0</v>
          </cell>
          <cell r="H16">
            <v>0</v>
          </cell>
          <cell r="I16">
            <v>0</v>
          </cell>
          <cell r="J16" t="str">
            <v>－</v>
          </cell>
          <cell r="K16" t="str">
            <v>－</v>
          </cell>
          <cell r="L16">
            <v>0</v>
          </cell>
          <cell r="M16">
            <v>0</v>
          </cell>
          <cell r="N16">
            <v>1.48</v>
          </cell>
        </row>
        <row r="17">
          <cell r="C17" t="str">
            <v>県立三浦臨海</v>
          </cell>
          <cell r="D17" t="str">
            <v>普通科</v>
          </cell>
          <cell r="E17">
            <v>237</v>
          </cell>
          <cell r="F17">
            <v>0</v>
          </cell>
          <cell r="G17">
            <v>0</v>
          </cell>
          <cell r="H17">
            <v>0</v>
          </cell>
          <cell r="I17">
            <v>0</v>
          </cell>
          <cell r="J17" t="str">
            <v>－</v>
          </cell>
          <cell r="K17" t="str">
            <v>－</v>
          </cell>
          <cell r="L17">
            <v>0</v>
          </cell>
          <cell r="M17">
            <v>0</v>
          </cell>
          <cell r="N17">
            <v>1.37</v>
          </cell>
        </row>
        <row r="18">
          <cell r="C18" t="str">
            <v>県立藤沢清流</v>
          </cell>
          <cell r="D18" t="str">
            <v>普通科</v>
          </cell>
          <cell r="E18">
            <v>237</v>
          </cell>
          <cell r="F18">
            <v>0</v>
          </cell>
          <cell r="G18">
            <v>0</v>
          </cell>
          <cell r="H18">
            <v>0</v>
          </cell>
          <cell r="I18">
            <v>0</v>
          </cell>
          <cell r="J18" t="str">
            <v>－</v>
          </cell>
          <cell r="K18" t="str">
            <v>－</v>
          </cell>
          <cell r="L18">
            <v>0</v>
          </cell>
          <cell r="M18">
            <v>0</v>
          </cell>
          <cell r="N18" t="str">
            <v>－</v>
          </cell>
        </row>
        <row r="19">
          <cell r="C19" t="str">
            <v>県立平塚湘風</v>
          </cell>
          <cell r="D19" t="str">
            <v>普通科</v>
          </cell>
          <cell r="E19">
            <v>227</v>
          </cell>
          <cell r="F19">
            <v>0</v>
          </cell>
          <cell r="G19">
            <v>0</v>
          </cell>
          <cell r="H19">
            <v>0</v>
          </cell>
          <cell r="I19">
            <v>0</v>
          </cell>
          <cell r="J19" t="str">
            <v>－</v>
          </cell>
          <cell r="K19" t="str">
            <v>－</v>
          </cell>
          <cell r="L19">
            <v>0</v>
          </cell>
          <cell r="M19">
            <v>0</v>
          </cell>
          <cell r="N19">
            <v>1.2</v>
          </cell>
        </row>
        <row r="20">
          <cell r="C20" t="str">
            <v>県立小田原</v>
          </cell>
          <cell r="D20" t="str">
            <v>普通科</v>
          </cell>
          <cell r="E20">
            <v>317</v>
          </cell>
          <cell r="F20">
            <v>0</v>
          </cell>
          <cell r="G20">
            <v>0</v>
          </cell>
          <cell r="H20">
            <v>0</v>
          </cell>
          <cell r="I20">
            <v>0</v>
          </cell>
          <cell r="J20" t="str">
            <v>－</v>
          </cell>
          <cell r="K20" t="str">
            <v>－</v>
          </cell>
          <cell r="L20">
            <v>0</v>
          </cell>
          <cell r="M20">
            <v>0</v>
          </cell>
          <cell r="N20">
            <v>1.27</v>
          </cell>
        </row>
        <row r="21">
          <cell r="C21" t="str">
            <v>県立厚木清南</v>
          </cell>
          <cell r="D21" t="str">
            <v>普通科</v>
          </cell>
          <cell r="E21">
            <v>230</v>
          </cell>
          <cell r="F21">
            <v>0</v>
          </cell>
          <cell r="G21">
            <v>0</v>
          </cell>
          <cell r="H21">
            <v>0</v>
          </cell>
          <cell r="I21">
            <v>0</v>
          </cell>
          <cell r="J21" t="str">
            <v>－</v>
          </cell>
          <cell r="K21" t="str">
            <v>－</v>
          </cell>
          <cell r="L21">
            <v>0</v>
          </cell>
          <cell r="M21">
            <v>0</v>
          </cell>
          <cell r="N21">
            <v>1.63</v>
          </cell>
        </row>
        <row r="22">
          <cell r="C22" t="str">
            <v>県立相模原青陵</v>
          </cell>
          <cell r="D22" t="str">
            <v>普通科</v>
          </cell>
          <cell r="E22">
            <v>232</v>
          </cell>
          <cell r="F22">
            <v>0</v>
          </cell>
          <cell r="G22">
            <v>0</v>
          </cell>
          <cell r="H22">
            <v>0</v>
          </cell>
          <cell r="I22">
            <v>0</v>
          </cell>
          <cell r="J22" t="str">
            <v>－</v>
          </cell>
          <cell r="K22" t="str">
            <v>－</v>
          </cell>
          <cell r="L22" t="str">
            <v>－</v>
          </cell>
          <cell r="M22">
            <v>0</v>
          </cell>
          <cell r="N22" t="str">
            <v>－</v>
          </cell>
        </row>
        <row r="23">
          <cell r="C23" t="str">
            <v>横浜市立東</v>
          </cell>
          <cell r="D23" t="str">
            <v>普通科</v>
          </cell>
          <cell r="E23">
            <v>267</v>
          </cell>
          <cell r="F23">
            <v>0</v>
          </cell>
          <cell r="G23">
            <v>0</v>
          </cell>
          <cell r="H23">
            <v>0</v>
          </cell>
          <cell r="I23">
            <v>0</v>
          </cell>
          <cell r="J23">
            <v>0</v>
          </cell>
          <cell r="K23">
            <v>0</v>
          </cell>
          <cell r="L23">
            <v>0</v>
          </cell>
          <cell r="M23">
            <v>0</v>
          </cell>
          <cell r="N23">
            <v>1.4</v>
          </cell>
        </row>
        <row r="24">
          <cell r="C24" t="str">
            <v>横浜市立桜丘</v>
          </cell>
          <cell r="D24" t="str">
            <v>普通科</v>
          </cell>
          <cell r="E24">
            <v>277</v>
          </cell>
          <cell r="F24">
            <v>0</v>
          </cell>
          <cell r="G24">
            <v>0</v>
          </cell>
          <cell r="H24">
            <v>0</v>
          </cell>
          <cell r="I24">
            <v>0</v>
          </cell>
          <cell r="J24">
            <v>0</v>
          </cell>
          <cell r="K24">
            <v>0</v>
          </cell>
          <cell r="L24">
            <v>0</v>
          </cell>
          <cell r="M24">
            <v>0</v>
          </cell>
          <cell r="N24">
            <v>1.24</v>
          </cell>
        </row>
        <row r="25">
          <cell r="C25" t="str">
            <v>横浜市立戸塚</v>
          </cell>
          <cell r="D25" t="str">
            <v>普通科</v>
          </cell>
          <cell r="E25">
            <v>277</v>
          </cell>
          <cell r="F25">
            <v>0</v>
          </cell>
          <cell r="G25">
            <v>0</v>
          </cell>
          <cell r="H25">
            <v>0</v>
          </cell>
          <cell r="I25">
            <v>0</v>
          </cell>
          <cell r="J25">
            <v>0</v>
          </cell>
          <cell r="K25">
            <v>0</v>
          </cell>
          <cell r="L25">
            <v>0</v>
          </cell>
          <cell r="M25">
            <v>0</v>
          </cell>
          <cell r="N25">
            <v>1.33</v>
          </cell>
        </row>
        <row r="26">
          <cell r="C26" t="str">
            <v>横浜市立南</v>
          </cell>
          <cell r="D26" t="str">
            <v>普通科</v>
          </cell>
          <cell r="E26">
            <v>317</v>
          </cell>
          <cell r="F26">
            <v>0</v>
          </cell>
          <cell r="G26">
            <v>0</v>
          </cell>
          <cell r="H26">
            <v>0</v>
          </cell>
          <cell r="I26">
            <v>0</v>
          </cell>
          <cell r="J26">
            <v>0</v>
          </cell>
          <cell r="K26">
            <v>0</v>
          </cell>
          <cell r="L26">
            <v>0</v>
          </cell>
          <cell r="M26">
            <v>0</v>
          </cell>
          <cell r="N26">
            <v>1.48</v>
          </cell>
        </row>
        <row r="29">
          <cell r="C29" t="str">
            <v>合　　計</v>
          </cell>
          <cell r="E29">
            <v>3842</v>
          </cell>
          <cell r="F29">
            <v>0</v>
          </cell>
          <cell r="G29">
            <v>0</v>
          </cell>
          <cell r="H29">
            <v>0</v>
          </cell>
          <cell r="I29">
            <v>0</v>
          </cell>
          <cell r="J29" t="str">
            <v>－</v>
          </cell>
          <cell r="K29" t="str">
            <v>－</v>
          </cell>
          <cell r="L29">
            <v>0</v>
          </cell>
          <cell r="M29">
            <v>0</v>
          </cell>
          <cell r="N29">
            <v>1.38</v>
          </cell>
        </row>
        <row r="36">
          <cell r="E36" t="str">
            <v>募集</v>
          </cell>
          <cell r="F36" t="str">
            <v>前期選抜</v>
          </cell>
          <cell r="G36" t="str">
            <v>前期選抜</v>
          </cell>
          <cell r="H36" t="str">
            <v>後期選抜</v>
          </cell>
          <cell r="I36" t="str">
            <v>前期選抜</v>
          </cell>
          <cell r="J36" t="str">
            <v>2月5日志願者数</v>
          </cell>
          <cell r="M36" t="str">
            <v>後期選抜</v>
          </cell>
          <cell r="N36" t="str">
            <v>前年度</v>
          </cell>
        </row>
        <row r="37">
          <cell r="C37" t="str">
            <v>学　校　名</v>
          </cell>
          <cell r="D37" t="str">
            <v>学 科 名</v>
          </cell>
          <cell r="E37" t="str">
            <v>定員</v>
          </cell>
          <cell r="F37" t="str">
            <v>合格者数</v>
          </cell>
          <cell r="G37" t="str">
            <v>入学辞退</v>
          </cell>
          <cell r="H37" t="str">
            <v>募集人員</v>
          </cell>
          <cell r="I37" t="str">
            <v>入学辞退</v>
          </cell>
          <cell r="J37" t="str">
            <v>学区</v>
          </cell>
          <cell r="K37" t="str">
            <v>学区</v>
          </cell>
          <cell r="L37" t="str">
            <v>計</v>
          </cell>
          <cell r="M37" t="str">
            <v>競争率</v>
          </cell>
          <cell r="N37" t="str">
            <v>後期選抜</v>
          </cell>
        </row>
        <row r="38">
          <cell r="G38" t="str">
            <v>2月3日まで</v>
          </cell>
          <cell r="H38" t="str">
            <v>(A)</v>
          </cell>
          <cell r="I38" t="str">
            <v>2月4日以降</v>
          </cell>
          <cell r="J38" t="str">
            <v>内</v>
          </cell>
          <cell r="K38" t="str">
            <v>外</v>
          </cell>
          <cell r="L38" t="str">
            <v>(B)</v>
          </cell>
          <cell r="M38" t="str">
            <v>(B/A)</v>
          </cell>
          <cell r="N38" t="str">
            <v>競争率</v>
          </cell>
        </row>
        <row r="41">
          <cell r="C41" t="str">
            <v>県立鶴見総合</v>
          </cell>
          <cell r="D41" t="str">
            <v>総合学科</v>
          </cell>
          <cell r="E41">
            <v>222</v>
          </cell>
          <cell r="F41">
            <v>0</v>
          </cell>
          <cell r="G41">
            <v>0</v>
          </cell>
          <cell r="H41">
            <v>0</v>
          </cell>
          <cell r="I41">
            <v>0</v>
          </cell>
          <cell r="J41" t="str">
            <v>－</v>
          </cell>
          <cell r="K41" t="str">
            <v>－</v>
          </cell>
          <cell r="L41">
            <v>0</v>
          </cell>
          <cell r="M41">
            <v>0</v>
          </cell>
          <cell r="N41">
            <v>1.76</v>
          </cell>
        </row>
        <row r="42">
          <cell r="C42" t="str">
            <v>県立横浜清陵総合</v>
          </cell>
          <cell r="D42" t="str">
            <v>総合学科</v>
          </cell>
          <cell r="E42">
            <v>277</v>
          </cell>
          <cell r="F42">
            <v>0</v>
          </cell>
          <cell r="G42">
            <v>0</v>
          </cell>
          <cell r="H42">
            <v>0</v>
          </cell>
          <cell r="I42">
            <v>0</v>
          </cell>
          <cell r="J42" t="str">
            <v>－</v>
          </cell>
          <cell r="K42" t="str">
            <v>－</v>
          </cell>
          <cell r="L42">
            <v>0</v>
          </cell>
          <cell r="M42">
            <v>0</v>
          </cell>
          <cell r="N42">
            <v>1.5</v>
          </cell>
        </row>
        <row r="43">
          <cell r="C43" t="str">
            <v>県立横浜緑園総合</v>
          </cell>
          <cell r="D43" t="str">
            <v>総合学科</v>
          </cell>
          <cell r="E43">
            <v>277</v>
          </cell>
          <cell r="F43">
            <v>0</v>
          </cell>
          <cell r="G43">
            <v>0</v>
          </cell>
          <cell r="H43">
            <v>0</v>
          </cell>
          <cell r="I43">
            <v>0</v>
          </cell>
          <cell r="J43" t="str">
            <v>－</v>
          </cell>
          <cell r="K43" t="str">
            <v>－</v>
          </cell>
          <cell r="L43">
            <v>0</v>
          </cell>
          <cell r="M43">
            <v>0</v>
          </cell>
          <cell r="N43">
            <v>1.1299999999999999</v>
          </cell>
        </row>
        <row r="44">
          <cell r="C44" t="str">
            <v>県立金沢総合</v>
          </cell>
          <cell r="D44" t="str">
            <v>総合学科</v>
          </cell>
          <cell r="E44">
            <v>277</v>
          </cell>
          <cell r="F44">
            <v>0</v>
          </cell>
          <cell r="G44">
            <v>0</v>
          </cell>
          <cell r="H44">
            <v>0</v>
          </cell>
          <cell r="I44">
            <v>0</v>
          </cell>
          <cell r="J44" t="str">
            <v>－</v>
          </cell>
          <cell r="K44" t="str">
            <v>－</v>
          </cell>
          <cell r="L44">
            <v>0</v>
          </cell>
          <cell r="M44">
            <v>0</v>
          </cell>
          <cell r="N44">
            <v>1.9</v>
          </cell>
        </row>
        <row r="45">
          <cell r="C45" t="str">
            <v>県立大師</v>
          </cell>
          <cell r="D45" t="str">
            <v>総合学科</v>
          </cell>
          <cell r="E45">
            <v>277</v>
          </cell>
          <cell r="F45">
            <v>0</v>
          </cell>
          <cell r="G45">
            <v>0</v>
          </cell>
          <cell r="H45">
            <v>0</v>
          </cell>
          <cell r="I45">
            <v>0</v>
          </cell>
          <cell r="J45" t="str">
            <v>－</v>
          </cell>
          <cell r="K45" t="str">
            <v>－</v>
          </cell>
          <cell r="L45">
            <v>0</v>
          </cell>
          <cell r="M45">
            <v>0</v>
          </cell>
          <cell r="N45">
            <v>1.32</v>
          </cell>
        </row>
        <row r="46">
          <cell r="C46" t="str">
            <v>県立麻生総合</v>
          </cell>
          <cell r="D46" t="str">
            <v>総合学科</v>
          </cell>
          <cell r="E46">
            <v>277</v>
          </cell>
          <cell r="F46">
            <v>0</v>
          </cell>
          <cell r="G46">
            <v>0</v>
          </cell>
          <cell r="H46">
            <v>0</v>
          </cell>
          <cell r="I46">
            <v>0</v>
          </cell>
          <cell r="J46" t="str">
            <v>－</v>
          </cell>
          <cell r="K46" t="str">
            <v>－</v>
          </cell>
          <cell r="L46">
            <v>0</v>
          </cell>
          <cell r="M46">
            <v>0</v>
          </cell>
          <cell r="N46">
            <v>1.17</v>
          </cell>
        </row>
        <row r="47">
          <cell r="C47" t="str">
            <v>県立藤沢総合</v>
          </cell>
          <cell r="D47" t="str">
            <v>総合学科</v>
          </cell>
          <cell r="E47">
            <v>277</v>
          </cell>
          <cell r="F47">
            <v>0</v>
          </cell>
          <cell r="G47">
            <v>0</v>
          </cell>
          <cell r="H47">
            <v>0</v>
          </cell>
          <cell r="I47">
            <v>0</v>
          </cell>
          <cell r="J47" t="str">
            <v>－</v>
          </cell>
          <cell r="K47" t="str">
            <v>－</v>
          </cell>
          <cell r="L47">
            <v>0</v>
          </cell>
          <cell r="M47">
            <v>0</v>
          </cell>
          <cell r="N47">
            <v>1.01</v>
          </cell>
        </row>
        <row r="48">
          <cell r="C48" t="str">
            <v>県立秦野総合</v>
          </cell>
          <cell r="D48" t="str">
            <v>総合学科</v>
          </cell>
          <cell r="E48">
            <v>237</v>
          </cell>
          <cell r="F48">
            <v>0</v>
          </cell>
          <cell r="G48">
            <v>0</v>
          </cell>
          <cell r="H48">
            <v>0</v>
          </cell>
          <cell r="I48">
            <v>0</v>
          </cell>
          <cell r="J48" t="str">
            <v>－</v>
          </cell>
          <cell r="K48" t="str">
            <v>－</v>
          </cell>
          <cell r="L48">
            <v>0</v>
          </cell>
          <cell r="M48">
            <v>0</v>
          </cell>
          <cell r="N48">
            <v>1.1499999999999999</v>
          </cell>
        </row>
        <row r="49">
          <cell r="C49" t="str">
            <v>県立吉田島総合</v>
          </cell>
          <cell r="D49" t="str">
            <v>総合学科</v>
          </cell>
          <cell r="E49">
            <v>197</v>
          </cell>
          <cell r="F49">
            <v>0</v>
          </cell>
          <cell r="G49">
            <v>0</v>
          </cell>
          <cell r="H49">
            <v>0</v>
          </cell>
          <cell r="I49">
            <v>0</v>
          </cell>
          <cell r="J49" t="str">
            <v>－</v>
          </cell>
          <cell r="K49" t="str">
            <v>－</v>
          </cell>
          <cell r="L49">
            <v>0</v>
          </cell>
          <cell r="M49">
            <v>0</v>
          </cell>
          <cell r="N49" t="str">
            <v>－</v>
          </cell>
        </row>
        <row r="50">
          <cell r="C50" t="str">
            <v>県立座間総合</v>
          </cell>
          <cell r="D50" t="str">
            <v>総合学科</v>
          </cell>
          <cell r="E50">
            <v>227</v>
          </cell>
          <cell r="F50">
            <v>0</v>
          </cell>
          <cell r="G50">
            <v>0</v>
          </cell>
          <cell r="H50">
            <v>0</v>
          </cell>
          <cell r="I50">
            <v>0</v>
          </cell>
          <cell r="J50" t="str">
            <v>－</v>
          </cell>
          <cell r="K50" t="str">
            <v>－</v>
          </cell>
          <cell r="L50">
            <v>0</v>
          </cell>
          <cell r="M50">
            <v>0</v>
          </cell>
          <cell r="N50">
            <v>0.86</v>
          </cell>
        </row>
        <row r="51">
          <cell r="C51" t="str">
            <v>県立相模原総合</v>
          </cell>
          <cell r="D51" t="str">
            <v>総合学科</v>
          </cell>
          <cell r="E51">
            <v>277</v>
          </cell>
          <cell r="F51">
            <v>0</v>
          </cell>
          <cell r="G51">
            <v>0</v>
          </cell>
          <cell r="H51">
            <v>0</v>
          </cell>
          <cell r="I51">
            <v>0</v>
          </cell>
          <cell r="J51" t="str">
            <v>－</v>
          </cell>
          <cell r="K51" t="str">
            <v>－</v>
          </cell>
          <cell r="L51">
            <v>0</v>
          </cell>
          <cell r="M51">
            <v>0</v>
          </cell>
          <cell r="N51">
            <v>1.04</v>
          </cell>
        </row>
        <row r="52">
          <cell r="C52" t="str">
            <v>横浜市立みなと総合</v>
          </cell>
          <cell r="D52" t="str">
            <v>総合学科</v>
          </cell>
          <cell r="E52">
            <v>237</v>
          </cell>
          <cell r="F52">
            <v>0</v>
          </cell>
          <cell r="G52">
            <v>0</v>
          </cell>
          <cell r="H52">
            <v>0</v>
          </cell>
          <cell r="I52">
            <v>0</v>
          </cell>
          <cell r="J52">
            <v>0</v>
          </cell>
          <cell r="K52">
            <v>0</v>
          </cell>
          <cell r="L52">
            <v>0</v>
          </cell>
          <cell r="M52">
            <v>0</v>
          </cell>
          <cell r="N52">
            <v>1.52</v>
          </cell>
        </row>
        <row r="53">
          <cell r="C53" t="str">
            <v>横須賀市立横須賀総合</v>
          </cell>
          <cell r="D53" t="str">
            <v>総合学科</v>
          </cell>
          <cell r="E53">
            <v>320</v>
          </cell>
          <cell r="F53">
            <v>0</v>
          </cell>
          <cell r="G53">
            <v>0</v>
          </cell>
          <cell r="H53">
            <v>0</v>
          </cell>
          <cell r="I53">
            <v>0</v>
          </cell>
          <cell r="J53" t="str">
            <v>－</v>
          </cell>
          <cell r="K53" t="str">
            <v>－</v>
          </cell>
          <cell r="L53">
            <v>0</v>
          </cell>
          <cell r="M53">
            <v>0</v>
          </cell>
          <cell r="N53">
            <v>1.54</v>
          </cell>
        </row>
        <row r="56">
          <cell r="C56" t="str">
            <v>合　　計</v>
          </cell>
          <cell r="E56">
            <v>3379</v>
          </cell>
          <cell r="F56">
            <v>0</v>
          </cell>
          <cell r="G56">
            <v>0</v>
          </cell>
          <cell r="H56">
            <v>0</v>
          </cell>
          <cell r="I56">
            <v>0</v>
          </cell>
          <cell r="J56" t="str">
            <v>－</v>
          </cell>
          <cell r="K56" t="str">
            <v>－</v>
          </cell>
          <cell r="L56">
            <v>0</v>
          </cell>
          <cell r="M56">
            <v>0</v>
          </cell>
          <cell r="N56">
            <v>1.33</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C91656-F37F-4FEE-AF76-C2B3CF89C1D8}">
  <dimension ref="A2:L162"/>
  <sheetViews>
    <sheetView tabSelected="1" showWhiteSpace="0" view="pageBreakPreview" zoomScale="85" zoomScaleNormal="85" zoomScaleSheetLayoutView="85" workbookViewId="0"/>
  </sheetViews>
  <sheetFormatPr defaultColWidth="9" defaultRowHeight="13.5" x14ac:dyDescent="0.15"/>
  <cols>
    <col min="1" max="1" width="1.25" style="3" customWidth="1"/>
    <col min="2" max="2" width="4.125" style="20" customWidth="1"/>
    <col min="3" max="3" width="1.5" style="20" customWidth="1"/>
    <col min="4" max="4" width="20" style="3" customWidth="1"/>
    <col min="5" max="5" width="10.25" style="5" customWidth="1"/>
    <col min="6" max="6" width="9.25" style="6" customWidth="1"/>
    <col min="7" max="8" width="5.625" style="6" customWidth="1"/>
    <col min="9" max="9" width="8.875" style="6" customWidth="1"/>
    <col min="10" max="10" width="9.25" style="6" customWidth="1"/>
    <col min="11" max="11" width="8.25" style="3" customWidth="1"/>
    <col min="12" max="12" width="8.5" style="7" customWidth="1"/>
    <col min="13" max="16384" width="9" style="3"/>
  </cols>
  <sheetData>
    <row r="2" spans="1:12" ht="45.75" customHeight="1" x14ac:dyDescent="0.15">
      <c r="A2" s="1" t="s">
        <v>0</v>
      </c>
      <c r="B2" s="1"/>
      <c r="C2" s="1"/>
      <c r="D2" s="1"/>
      <c r="E2" s="1"/>
      <c r="F2" s="1"/>
      <c r="G2" s="1"/>
      <c r="H2" s="1"/>
      <c r="I2" s="1"/>
      <c r="J2" s="1"/>
      <c r="K2" s="1"/>
      <c r="L2" s="2"/>
    </row>
    <row r="3" spans="1:12" ht="15" customHeight="1" x14ac:dyDescent="0.15">
      <c r="B3" s="4" t="s">
        <v>1</v>
      </c>
      <c r="C3" s="4"/>
    </row>
    <row r="4" spans="1:12" ht="7.5" customHeight="1" x14ac:dyDescent="0.15">
      <c r="B4" s="8"/>
      <c r="C4" s="8"/>
    </row>
    <row r="5" spans="1:12" ht="15" customHeight="1" x14ac:dyDescent="0.15">
      <c r="B5" s="3" t="s">
        <v>2</v>
      </c>
      <c r="C5" s="3"/>
    </row>
    <row r="6" spans="1:12" ht="7.5" customHeight="1" x14ac:dyDescent="0.15">
      <c r="B6" s="11"/>
      <c r="C6" s="12"/>
      <c r="D6" s="13"/>
      <c r="E6" s="14"/>
      <c r="F6" s="15"/>
      <c r="G6" s="13"/>
      <c r="H6" s="13"/>
      <c r="I6" s="13"/>
      <c r="J6" s="15"/>
      <c r="K6" s="13"/>
      <c r="L6" s="16"/>
    </row>
    <row r="7" spans="1:12" ht="14.25" customHeight="1" x14ac:dyDescent="0.15">
      <c r="B7" s="19" t="s">
        <v>3</v>
      </c>
      <c r="E7" s="21"/>
      <c r="F7" s="22" t="s">
        <v>4</v>
      </c>
      <c r="G7" s="23" t="s">
        <v>5</v>
      </c>
      <c r="H7" s="24"/>
      <c r="I7" s="24"/>
      <c r="J7" s="25"/>
      <c r="K7" s="23" t="s">
        <v>5</v>
      </c>
      <c r="L7" s="26" t="s">
        <v>6</v>
      </c>
    </row>
    <row r="8" spans="1:12" ht="14.25" customHeight="1" x14ac:dyDescent="0.15">
      <c r="B8" s="19"/>
      <c r="C8" s="28"/>
      <c r="D8" s="29" t="s">
        <v>7</v>
      </c>
      <c r="E8" s="30" t="s">
        <v>8</v>
      </c>
      <c r="F8" s="31" t="s">
        <v>9</v>
      </c>
      <c r="G8" s="32" t="s">
        <v>9</v>
      </c>
      <c r="H8" s="32"/>
      <c r="I8" s="32"/>
      <c r="J8" s="33" t="s">
        <v>10</v>
      </c>
      <c r="K8" s="34" t="s">
        <v>11</v>
      </c>
      <c r="L8" s="26"/>
    </row>
    <row r="9" spans="1:12" ht="14.25" customHeight="1" x14ac:dyDescent="0.15">
      <c r="B9" s="19" t="s">
        <v>12</v>
      </c>
      <c r="D9" s="20"/>
      <c r="E9" s="30" t="s">
        <v>13</v>
      </c>
      <c r="F9" s="31" t="s">
        <v>14</v>
      </c>
      <c r="G9" s="35" t="s">
        <v>15</v>
      </c>
      <c r="H9" s="36"/>
      <c r="I9" s="37"/>
      <c r="J9" s="31"/>
      <c r="K9" s="34" t="s">
        <v>16</v>
      </c>
      <c r="L9" s="26"/>
    </row>
    <row r="10" spans="1:12" ht="7.5" customHeight="1" x14ac:dyDescent="0.15">
      <c r="B10" s="38"/>
      <c r="C10" s="39"/>
      <c r="D10" s="40"/>
      <c r="E10" s="41"/>
      <c r="F10" s="42"/>
      <c r="G10" s="43"/>
      <c r="H10" s="40"/>
      <c r="I10" s="44"/>
      <c r="J10" s="42"/>
      <c r="K10" s="45"/>
      <c r="L10" s="46"/>
    </row>
    <row r="11" spans="1:12" ht="7.5" customHeight="1" x14ac:dyDescent="0.15">
      <c r="B11" s="47" t="s">
        <v>17</v>
      </c>
      <c r="C11" s="48"/>
      <c r="D11" s="20"/>
      <c r="E11" s="49"/>
      <c r="F11" s="15"/>
      <c r="G11" s="13"/>
      <c r="H11" s="13"/>
      <c r="I11" s="13"/>
      <c r="J11" s="15"/>
      <c r="K11" s="50"/>
      <c r="L11" s="51"/>
    </row>
    <row r="12" spans="1:12" ht="14.25" customHeight="1" x14ac:dyDescent="0.15">
      <c r="B12" s="52"/>
      <c r="C12" s="53"/>
      <c r="D12" s="54" t="s">
        <v>18</v>
      </c>
      <c r="E12" s="55">
        <v>318</v>
      </c>
      <c r="F12" s="56">
        <v>392</v>
      </c>
      <c r="G12" s="56"/>
      <c r="H12" s="56"/>
      <c r="I12" s="56">
        <v>381</v>
      </c>
      <c r="J12" s="57">
        <v>-11</v>
      </c>
      <c r="K12" s="58">
        <v>1.2</v>
      </c>
      <c r="L12" s="59">
        <v>1.19</v>
      </c>
    </row>
    <row r="13" spans="1:12" ht="14.25" customHeight="1" x14ac:dyDescent="0.15">
      <c r="B13" s="52"/>
      <c r="C13" s="60"/>
      <c r="D13" s="54" t="s">
        <v>19</v>
      </c>
      <c r="E13" s="55">
        <v>359</v>
      </c>
      <c r="F13" s="56">
        <v>820</v>
      </c>
      <c r="G13" s="56"/>
      <c r="H13" s="56"/>
      <c r="I13" s="56">
        <v>736</v>
      </c>
      <c r="J13" s="57">
        <v>-84</v>
      </c>
      <c r="K13" s="58">
        <v>2.0499999999999998</v>
      </c>
      <c r="L13" s="59">
        <v>2.04</v>
      </c>
    </row>
    <row r="14" spans="1:12" ht="14.25" customHeight="1" x14ac:dyDescent="0.15">
      <c r="B14" s="52"/>
      <c r="C14" s="53"/>
      <c r="D14" s="54" t="s">
        <v>20</v>
      </c>
      <c r="E14" s="55">
        <v>238</v>
      </c>
      <c r="F14" s="56">
        <v>273</v>
      </c>
      <c r="G14" s="56"/>
      <c r="H14" s="56"/>
      <c r="I14" s="56">
        <v>277</v>
      </c>
      <c r="J14" s="57">
        <v>4</v>
      </c>
      <c r="K14" s="58">
        <v>1.1599999999999999</v>
      </c>
      <c r="L14" s="59">
        <v>1.28</v>
      </c>
    </row>
    <row r="15" spans="1:12" ht="14.25" customHeight="1" x14ac:dyDescent="0.15">
      <c r="B15" s="52"/>
      <c r="C15" s="60"/>
      <c r="D15" s="54" t="s">
        <v>21</v>
      </c>
      <c r="E15" s="55">
        <v>358</v>
      </c>
      <c r="F15" s="56">
        <v>483</v>
      </c>
      <c r="G15" s="56"/>
      <c r="H15" s="56"/>
      <c r="I15" s="56">
        <v>478</v>
      </c>
      <c r="J15" s="57">
        <v>-5</v>
      </c>
      <c r="K15" s="58">
        <v>1.34</v>
      </c>
      <c r="L15" s="59">
        <v>1.32</v>
      </c>
    </row>
    <row r="16" spans="1:12" ht="14.25" customHeight="1" x14ac:dyDescent="0.15">
      <c r="B16" s="52"/>
      <c r="C16" s="60"/>
      <c r="D16" s="54" t="s">
        <v>22</v>
      </c>
      <c r="E16" s="55">
        <v>398</v>
      </c>
      <c r="F16" s="56">
        <v>461</v>
      </c>
      <c r="G16" s="56"/>
      <c r="H16" s="56"/>
      <c r="I16" s="56">
        <v>450</v>
      </c>
      <c r="J16" s="57">
        <v>-11</v>
      </c>
      <c r="K16" s="58">
        <v>1.1299999999999999</v>
      </c>
      <c r="L16" s="59">
        <v>1.18</v>
      </c>
    </row>
    <row r="17" spans="2:12" ht="14.25" customHeight="1" x14ac:dyDescent="0.15">
      <c r="B17" s="52"/>
      <c r="C17" s="60"/>
      <c r="D17" s="54" t="s">
        <v>23</v>
      </c>
      <c r="E17" s="55">
        <v>318</v>
      </c>
      <c r="F17" s="56">
        <v>426</v>
      </c>
      <c r="G17" s="56"/>
      <c r="H17" s="56"/>
      <c r="I17" s="56">
        <v>427</v>
      </c>
      <c r="J17" s="57">
        <v>1</v>
      </c>
      <c r="K17" s="58">
        <v>1.34</v>
      </c>
      <c r="L17" s="59">
        <v>1.51</v>
      </c>
    </row>
    <row r="18" spans="2:12" ht="14.25" customHeight="1" x14ac:dyDescent="0.15">
      <c r="B18" s="52"/>
      <c r="C18" s="60"/>
      <c r="D18" s="54" t="s">
        <v>24</v>
      </c>
      <c r="E18" s="55">
        <v>318</v>
      </c>
      <c r="F18" s="56">
        <v>312</v>
      </c>
      <c r="G18" s="56"/>
      <c r="H18" s="56"/>
      <c r="I18" s="56">
        <v>339</v>
      </c>
      <c r="J18" s="57">
        <v>27</v>
      </c>
      <c r="K18" s="58">
        <v>1.07</v>
      </c>
      <c r="L18" s="59">
        <v>1.17</v>
      </c>
    </row>
    <row r="19" spans="2:12" ht="14.25" customHeight="1" x14ac:dyDescent="0.15">
      <c r="B19" s="52"/>
      <c r="C19" s="60"/>
      <c r="D19" s="54" t="s">
        <v>25</v>
      </c>
      <c r="E19" s="55">
        <v>238</v>
      </c>
      <c r="F19" s="56">
        <v>218</v>
      </c>
      <c r="G19" s="56"/>
      <c r="H19" s="56"/>
      <c r="I19" s="56">
        <v>224</v>
      </c>
      <c r="J19" s="57">
        <v>6</v>
      </c>
      <c r="K19" s="58">
        <v>0.94</v>
      </c>
      <c r="L19" s="59">
        <v>1.19</v>
      </c>
    </row>
    <row r="20" spans="2:12" ht="14.25" customHeight="1" x14ac:dyDescent="0.15">
      <c r="B20" s="52"/>
      <c r="C20" s="60"/>
      <c r="D20" s="54" t="s">
        <v>26</v>
      </c>
      <c r="E20" s="55">
        <v>398</v>
      </c>
      <c r="F20" s="56">
        <v>515</v>
      </c>
      <c r="G20" s="56"/>
      <c r="H20" s="56"/>
      <c r="I20" s="56">
        <v>515</v>
      </c>
      <c r="J20" s="57">
        <v>0</v>
      </c>
      <c r="K20" s="58">
        <v>1.29</v>
      </c>
      <c r="L20" s="59">
        <v>1.4</v>
      </c>
    </row>
    <row r="21" spans="2:12" ht="14.25" customHeight="1" x14ac:dyDescent="0.15">
      <c r="B21" s="52"/>
      <c r="C21" s="60"/>
      <c r="D21" s="54" t="s">
        <v>27</v>
      </c>
      <c r="E21" s="55">
        <v>358</v>
      </c>
      <c r="F21" s="56">
        <v>422</v>
      </c>
      <c r="G21" s="56"/>
      <c r="H21" s="56"/>
      <c r="I21" s="56">
        <v>432</v>
      </c>
      <c r="J21" s="57">
        <v>10</v>
      </c>
      <c r="K21" s="58">
        <v>1.21</v>
      </c>
      <c r="L21" s="59">
        <v>1.37</v>
      </c>
    </row>
    <row r="22" spans="2:12" ht="14.25" customHeight="1" x14ac:dyDescent="0.15">
      <c r="B22" s="52"/>
      <c r="C22" s="60"/>
      <c r="D22" s="54" t="s">
        <v>28</v>
      </c>
      <c r="E22" s="55">
        <v>359</v>
      </c>
      <c r="F22" s="56">
        <v>475</v>
      </c>
      <c r="G22" s="56"/>
      <c r="H22" s="56"/>
      <c r="I22" s="56">
        <v>452</v>
      </c>
      <c r="J22" s="57">
        <v>-23</v>
      </c>
      <c r="K22" s="58">
        <v>1.26</v>
      </c>
      <c r="L22" s="59">
        <v>1.41</v>
      </c>
    </row>
    <row r="23" spans="2:12" ht="14.25" customHeight="1" x14ac:dyDescent="0.15">
      <c r="B23" s="52"/>
      <c r="C23" s="60"/>
      <c r="D23" s="54" t="s">
        <v>29</v>
      </c>
      <c r="E23" s="55">
        <v>398</v>
      </c>
      <c r="F23" s="56">
        <v>485</v>
      </c>
      <c r="G23" s="56"/>
      <c r="H23" s="56"/>
      <c r="I23" s="56">
        <v>473</v>
      </c>
      <c r="J23" s="57">
        <v>-12</v>
      </c>
      <c r="K23" s="58">
        <v>1.19</v>
      </c>
      <c r="L23" s="59">
        <v>1.29</v>
      </c>
    </row>
    <row r="24" spans="2:12" ht="14.25" customHeight="1" x14ac:dyDescent="0.15">
      <c r="B24" s="52"/>
      <c r="C24" s="60"/>
      <c r="D24" s="54" t="s">
        <v>30</v>
      </c>
      <c r="E24" s="55">
        <v>346</v>
      </c>
      <c r="F24" s="56">
        <v>354</v>
      </c>
      <c r="G24" s="56"/>
      <c r="H24" s="56"/>
      <c r="I24" s="56">
        <v>359</v>
      </c>
      <c r="J24" s="57">
        <v>5</v>
      </c>
      <c r="K24" s="58">
        <v>1.04</v>
      </c>
      <c r="L24" s="59">
        <v>1.1499999999999999</v>
      </c>
    </row>
    <row r="25" spans="2:12" ht="7.5" customHeight="1" x14ac:dyDescent="0.15">
      <c r="B25" s="61"/>
      <c r="C25" s="62"/>
      <c r="D25" s="63"/>
      <c r="E25" s="64"/>
      <c r="F25" s="65"/>
      <c r="G25" s="66"/>
      <c r="H25" s="66"/>
      <c r="I25" s="66"/>
      <c r="J25" s="67"/>
      <c r="K25" s="68"/>
      <c r="L25" s="69"/>
    </row>
    <row r="26" spans="2:12" ht="7.5" customHeight="1" x14ac:dyDescent="0.15">
      <c r="B26" s="70" t="s">
        <v>31</v>
      </c>
      <c r="C26" s="71"/>
      <c r="D26" s="72"/>
      <c r="E26" s="73"/>
      <c r="F26" s="74"/>
      <c r="G26" s="75"/>
      <c r="H26" s="75"/>
      <c r="I26" s="75"/>
      <c r="J26" s="76"/>
      <c r="K26" s="77"/>
      <c r="L26" s="78"/>
    </row>
    <row r="27" spans="2:12" ht="14.25" customHeight="1" x14ac:dyDescent="0.15">
      <c r="B27" s="52"/>
      <c r="C27" s="79"/>
      <c r="D27" s="54" t="s">
        <v>32</v>
      </c>
      <c r="E27" s="55">
        <v>359</v>
      </c>
      <c r="F27" s="56">
        <v>558</v>
      </c>
      <c r="G27" s="56"/>
      <c r="H27" s="56"/>
      <c r="I27" s="56">
        <v>527</v>
      </c>
      <c r="J27" s="57">
        <v>-31</v>
      </c>
      <c r="K27" s="58">
        <v>1.47</v>
      </c>
      <c r="L27" s="59">
        <v>1.42</v>
      </c>
    </row>
    <row r="28" spans="2:12" ht="14.25" customHeight="1" x14ac:dyDescent="0.15">
      <c r="B28" s="52"/>
      <c r="C28" s="79"/>
      <c r="D28" s="80" t="s">
        <v>33</v>
      </c>
      <c r="E28" s="55">
        <v>118</v>
      </c>
      <c r="F28" s="56">
        <v>92</v>
      </c>
      <c r="G28" s="56"/>
      <c r="H28" s="56"/>
      <c r="I28" s="56">
        <v>94</v>
      </c>
      <c r="J28" s="57">
        <v>2</v>
      </c>
      <c r="K28" s="58">
        <v>0.8</v>
      </c>
      <c r="L28" s="59">
        <v>0.93</v>
      </c>
    </row>
    <row r="29" spans="2:12" ht="14.25" customHeight="1" x14ac:dyDescent="0.15">
      <c r="B29" s="52"/>
      <c r="C29" s="79"/>
      <c r="D29" s="54" t="s">
        <v>34</v>
      </c>
      <c r="E29" s="55">
        <v>318</v>
      </c>
      <c r="F29" s="56">
        <v>287</v>
      </c>
      <c r="G29" s="56"/>
      <c r="H29" s="56"/>
      <c r="I29" s="56">
        <v>326</v>
      </c>
      <c r="J29" s="57">
        <v>39</v>
      </c>
      <c r="K29" s="58">
        <v>1.03</v>
      </c>
      <c r="L29" s="59">
        <v>1.08</v>
      </c>
    </row>
    <row r="30" spans="2:12" ht="14.25" customHeight="1" x14ac:dyDescent="0.15">
      <c r="B30" s="52"/>
      <c r="C30" s="79"/>
      <c r="D30" s="54" t="s">
        <v>35</v>
      </c>
      <c r="E30" s="55">
        <v>318</v>
      </c>
      <c r="F30" s="56">
        <v>451</v>
      </c>
      <c r="G30" s="56"/>
      <c r="H30" s="56"/>
      <c r="I30" s="56">
        <v>410</v>
      </c>
      <c r="J30" s="57">
        <v>-41</v>
      </c>
      <c r="K30" s="58">
        <v>1.29</v>
      </c>
      <c r="L30" s="59">
        <v>1.1200000000000001</v>
      </c>
    </row>
    <row r="31" spans="2:12" ht="14.25" customHeight="1" x14ac:dyDescent="0.15">
      <c r="B31" s="52"/>
      <c r="C31" s="79"/>
      <c r="D31" s="80" t="s">
        <v>36</v>
      </c>
      <c r="E31" s="55">
        <v>318</v>
      </c>
      <c r="F31" s="56">
        <v>363</v>
      </c>
      <c r="G31" s="56"/>
      <c r="H31" s="56"/>
      <c r="I31" s="56">
        <v>378</v>
      </c>
      <c r="J31" s="57">
        <v>15</v>
      </c>
      <c r="K31" s="58">
        <v>1.19</v>
      </c>
      <c r="L31" s="59">
        <v>1.07</v>
      </c>
    </row>
    <row r="32" spans="2:12" ht="14.25" customHeight="1" x14ac:dyDescent="0.15">
      <c r="B32" s="52"/>
      <c r="C32" s="79"/>
      <c r="D32" s="54" t="s">
        <v>37</v>
      </c>
      <c r="E32" s="55">
        <v>319</v>
      </c>
      <c r="F32" s="56">
        <v>462</v>
      </c>
      <c r="G32" s="56"/>
      <c r="H32" s="56"/>
      <c r="I32" s="56">
        <v>443</v>
      </c>
      <c r="J32" s="57">
        <v>-19</v>
      </c>
      <c r="K32" s="58">
        <v>1.39</v>
      </c>
      <c r="L32" s="59">
        <v>1.34</v>
      </c>
    </row>
    <row r="33" spans="2:12" ht="14.25" customHeight="1" x14ac:dyDescent="0.15">
      <c r="B33" s="52"/>
      <c r="C33" s="79"/>
      <c r="D33" s="54" t="s">
        <v>38</v>
      </c>
      <c r="E33" s="55">
        <v>279</v>
      </c>
      <c r="F33" s="56">
        <v>363</v>
      </c>
      <c r="G33" s="56"/>
      <c r="H33" s="56"/>
      <c r="I33" s="56">
        <v>380</v>
      </c>
      <c r="J33" s="57">
        <v>17</v>
      </c>
      <c r="K33" s="58">
        <v>1.36</v>
      </c>
      <c r="L33" s="59">
        <v>1.27</v>
      </c>
    </row>
    <row r="34" spans="2:12" ht="14.25" customHeight="1" x14ac:dyDescent="0.15">
      <c r="B34" s="52"/>
      <c r="C34" s="79"/>
      <c r="D34" s="54" t="s">
        <v>39</v>
      </c>
      <c r="E34" s="55">
        <v>238</v>
      </c>
      <c r="F34" s="56">
        <v>260</v>
      </c>
      <c r="G34" s="56"/>
      <c r="H34" s="56"/>
      <c r="I34" s="56">
        <v>249</v>
      </c>
      <c r="J34" s="57">
        <v>-11</v>
      </c>
      <c r="K34" s="58">
        <v>1.05</v>
      </c>
      <c r="L34" s="59">
        <v>1.05</v>
      </c>
    </row>
    <row r="35" spans="2:12" ht="14.25" customHeight="1" x14ac:dyDescent="0.15">
      <c r="B35" s="52"/>
      <c r="C35" s="79"/>
      <c r="D35" s="54" t="s">
        <v>40</v>
      </c>
      <c r="E35" s="55">
        <v>358</v>
      </c>
      <c r="F35" s="56">
        <v>334</v>
      </c>
      <c r="G35" s="56"/>
      <c r="H35" s="56"/>
      <c r="I35" s="56">
        <v>364</v>
      </c>
      <c r="J35" s="57">
        <v>30</v>
      </c>
      <c r="K35" s="58">
        <v>1.02</v>
      </c>
      <c r="L35" s="59">
        <v>1.1299999999999999</v>
      </c>
    </row>
    <row r="36" spans="2:12" ht="14.25" customHeight="1" x14ac:dyDescent="0.15">
      <c r="B36" s="52"/>
      <c r="C36" s="79"/>
      <c r="D36" s="54" t="s">
        <v>41</v>
      </c>
      <c r="E36" s="55">
        <v>238</v>
      </c>
      <c r="F36" s="56">
        <v>247</v>
      </c>
      <c r="G36" s="56"/>
      <c r="H36" s="56"/>
      <c r="I36" s="56">
        <v>243</v>
      </c>
      <c r="J36" s="57">
        <v>-4</v>
      </c>
      <c r="K36" s="58">
        <v>1.02</v>
      </c>
      <c r="L36" s="59">
        <v>1.26</v>
      </c>
    </row>
    <row r="37" spans="2:12" ht="14.25" customHeight="1" x14ac:dyDescent="0.15">
      <c r="B37" s="52"/>
      <c r="C37" s="79"/>
      <c r="D37" s="54" t="s">
        <v>42</v>
      </c>
      <c r="E37" s="55">
        <v>318</v>
      </c>
      <c r="F37" s="56">
        <v>349</v>
      </c>
      <c r="G37" s="56"/>
      <c r="H37" s="56"/>
      <c r="I37" s="56">
        <v>358</v>
      </c>
      <c r="J37" s="57">
        <v>9</v>
      </c>
      <c r="K37" s="58">
        <v>1.1299999999999999</v>
      </c>
      <c r="L37" s="59">
        <v>1.1299999999999999</v>
      </c>
    </row>
    <row r="38" spans="2:12" ht="7.5" customHeight="1" x14ac:dyDescent="0.15">
      <c r="B38" s="61"/>
      <c r="C38" s="62"/>
      <c r="D38" s="63"/>
      <c r="E38" s="64"/>
      <c r="F38" s="65"/>
      <c r="G38" s="66"/>
      <c r="H38" s="66"/>
      <c r="I38" s="66"/>
      <c r="J38" s="67"/>
      <c r="K38" s="68"/>
      <c r="L38" s="69"/>
    </row>
    <row r="39" spans="2:12" ht="7.5" customHeight="1" x14ac:dyDescent="0.15">
      <c r="B39" s="70" t="s">
        <v>43</v>
      </c>
      <c r="C39" s="71"/>
      <c r="D39" s="72"/>
      <c r="E39" s="73"/>
      <c r="F39" s="74"/>
      <c r="G39" s="75"/>
      <c r="H39" s="75"/>
      <c r="I39" s="75"/>
      <c r="J39" s="76"/>
      <c r="K39" s="77"/>
      <c r="L39" s="81"/>
    </row>
    <row r="40" spans="2:12" ht="14.25" customHeight="1" x14ac:dyDescent="0.15">
      <c r="B40" s="52"/>
      <c r="C40" s="79"/>
      <c r="D40" s="54" t="s">
        <v>44</v>
      </c>
      <c r="E40" s="55">
        <v>238</v>
      </c>
      <c r="F40" s="56">
        <v>273</v>
      </c>
      <c r="G40" s="56"/>
      <c r="H40" s="56"/>
      <c r="I40" s="56">
        <v>272</v>
      </c>
      <c r="J40" s="57">
        <v>-1</v>
      </c>
      <c r="K40" s="58">
        <v>1.1399999999999999</v>
      </c>
      <c r="L40" s="59">
        <v>1.32</v>
      </c>
    </row>
    <row r="41" spans="2:12" ht="14.25" customHeight="1" x14ac:dyDescent="0.15">
      <c r="B41" s="52"/>
      <c r="C41" s="79"/>
      <c r="D41" s="54" t="s">
        <v>45</v>
      </c>
      <c r="E41" s="55">
        <v>319</v>
      </c>
      <c r="F41" s="56">
        <v>500</v>
      </c>
      <c r="G41" s="56"/>
      <c r="H41" s="56"/>
      <c r="I41" s="56">
        <v>503</v>
      </c>
      <c r="J41" s="57">
        <v>3</v>
      </c>
      <c r="K41" s="58">
        <v>1.58</v>
      </c>
      <c r="L41" s="59">
        <v>1.54</v>
      </c>
    </row>
    <row r="42" spans="2:12" ht="14.25" customHeight="1" x14ac:dyDescent="0.15">
      <c r="B42" s="52"/>
      <c r="C42" s="79"/>
      <c r="D42" s="54" t="s">
        <v>46</v>
      </c>
      <c r="E42" s="55">
        <v>279</v>
      </c>
      <c r="F42" s="56">
        <v>474</v>
      </c>
      <c r="G42" s="56"/>
      <c r="H42" s="56"/>
      <c r="I42" s="56">
        <v>433</v>
      </c>
      <c r="J42" s="57">
        <v>-41</v>
      </c>
      <c r="K42" s="58">
        <v>1.55</v>
      </c>
      <c r="L42" s="59">
        <v>1.44</v>
      </c>
    </row>
    <row r="43" spans="2:12" ht="14.25" customHeight="1" x14ac:dyDescent="0.15">
      <c r="B43" s="52"/>
      <c r="C43" s="79"/>
      <c r="D43" s="54" t="s">
        <v>47</v>
      </c>
      <c r="E43" s="55">
        <v>278</v>
      </c>
      <c r="F43" s="56">
        <v>335</v>
      </c>
      <c r="G43" s="56"/>
      <c r="H43" s="56"/>
      <c r="I43" s="56">
        <v>336</v>
      </c>
      <c r="J43" s="57">
        <v>1</v>
      </c>
      <c r="K43" s="58">
        <v>1.21</v>
      </c>
      <c r="L43" s="59">
        <v>1.37</v>
      </c>
    </row>
    <row r="44" spans="2:12" ht="14.25" customHeight="1" x14ac:dyDescent="0.15">
      <c r="B44" s="52"/>
      <c r="C44" s="79"/>
      <c r="D44" s="54" t="s">
        <v>48</v>
      </c>
      <c r="E44" s="55">
        <v>358</v>
      </c>
      <c r="F44" s="56">
        <v>425</v>
      </c>
      <c r="G44" s="56"/>
      <c r="H44" s="56"/>
      <c r="I44" s="56">
        <v>428</v>
      </c>
      <c r="J44" s="57">
        <v>3</v>
      </c>
      <c r="K44" s="58">
        <v>1.2</v>
      </c>
      <c r="L44" s="59">
        <v>1.24</v>
      </c>
    </row>
    <row r="45" spans="2:12" ht="7.5" customHeight="1" x14ac:dyDescent="0.15">
      <c r="B45" s="61"/>
      <c r="C45" s="62"/>
      <c r="D45" s="63"/>
      <c r="E45" s="64"/>
      <c r="F45" s="65"/>
      <c r="G45" s="66"/>
      <c r="H45" s="66"/>
      <c r="I45" s="66"/>
      <c r="J45" s="67"/>
      <c r="K45" s="68"/>
      <c r="L45" s="69"/>
    </row>
    <row r="46" spans="2:12" ht="7.5" customHeight="1" x14ac:dyDescent="0.15">
      <c r="B46" s="70" t="s">
        <v>49</v>
      </c>
      <c r="C46" s="71"/>
      <c r="D46" s="72"/>
      <c r="E46" s="73"/>
      <c r="F46" s="74"/>
      <c r="G46" s="75"/>
      <c r="H46" s="75"/>
      <c r="I46" s="75"/>
      <c r="J46" s="76"/>
      <c r="K46" s="77"/>
      <c r="L46" s="78"/>
    </row>
    <row r="47" spans="2:12" ht="14.25" customHeight="1" x14ac:dyDescent="0.15">
      <c r="B47" s="52"/>
      <c r="C47" s="79"/>
      <c r="D47" s="54" t="s">
        <v>50</v>
      </c>
      <c r="E47" s="55">
        <v>268</v>
      </c>
      <c r="F47" s="56">
        <v>456</v>
      </c>
      <c r="G47" s="56"/>
      <c r="H47" s="56"/>
      <c r="I47" s="56">
        <v>440</v>
      </c>
      <c r="J47" s="57">
        <v>-16</v>
      </c>
      <c r="K47" s="58">
        <v>1.64</v>
      </c>
      <c r="L47" s="59">
        <v>1.84</v>
      </c>
    </row>
    <row r="48" spans="2:12" ht="14.25" customHeight="1" x14ac:dyDescent="0.15">
      <c r="B48" s="52"/>
      <c r="C48" s="79"/>
      <c r="D48" s="54" t="s">
        <v>51</v>
      </c>
      <c r="E48" s="55">
        <v>358</v>
      </c>
      <c r="F48" s="56">
        <v>424</v>
      </c>
      <c r="G48" s="56"/>
      <c r="H48" s="56"/>
      <c r="I48" s="56">
        <v>440</v>
      </c>
      <c r="J48" s="57">
        <v>16</v>
      </c>
      <c r="K48" s="58">
        <v>1.23</v>
      </c>
      <c r="L48" s="59">
        <v>1.45</v>
      </c>
    </row>
    <row r="49" spans="2:12" ht="14.25" customHeight="1" x14ac:dyDescent="0.15">
      <c r="B49" s="52"/>
      <c r="C49" s="79"/>
      <c r="D49" s="82" t="s">
        <v>52</v>
      </c>
      <c r="E49" s="55">
        <v>278</v>
      </c>
      <c r="F49" s="56">
        <v>235</v>
      </c>
      <c r="G49" s="56"/>
      <c r="H49" s="56"/>
      <c r="I49" s="56">
        <v>255</v>
      </c>
      <c r="J49" s="57">
        <v>20</v>
      </c>
      <c r="K49" s="58">
        <v>0.92</v>
      </c>
      <c r="L49" s="59">
        <v>1.08</v>
      </c>
    </row>
    <row r="50" spans="2:12" ht="14.25" customHeight="1" x14ac:dyDescent="0.15">
      <c r="B50" s="52"/>
      <c r="C50" s="79"/>
      <c r="D50" s="82" t="s">
        <v>53</v>
      </c>
      <c r="E50" s="55">
        <v>279</v>
      </c>
      <c r="F50" s="56">
        <v>519</v>
      </c>
      <c r="G50" s="56"/>
      <c r="H50" s="56"/>
      <c r="I50" s="56">
        <v>491</v>
      </c>
      <c r="J50" s="57">
        <v>-28</v>
      </c>
      <c r="K50" s="58">
        <v>1.76</v>
      </c>
      <c r="L50" s="59">
        <v>1.67</v>
      </c>
    </row>
    <row r="51" spans="2:12" ht="14.25" customHeight="1" x14ac:dyDescent="0.15">
      <c r="B51" s="52"/>
      <c r="C51" s="79"/>
      <c r="D51" s="54" t="s">
        <v>54</v>
      </c>
      <c r="E51" s="55">
        <v>398</v>
      </c>
      <c r="F51" s="56">
        <v>457</v>
      </c>
      <c r="G51" s="56"/>
      <c r="H51" s="56"/>
      <c r="I51" s="56">
        <v>470</v>
      </c>
      <c r="J51" s="57">
        <v>13</v>
      </c>
      <c r="K51" s="58">
        <v>1.18</v>
      </c>
      <c r="L51" s="59">
        <v>1.22</v>
      </c>
    </row>
    <row r="52" spans="2:12" ht="14.25" customHeight="1" x14ac:dyDescent="0.15">
      <c r="B52" s="52"/>
      <c r="C52" s="79"/>
      <c r="D52" s="54" t="s">
        <v>55</v>
      </c>
      <c r="E52" s="55">
        <v>398</v>
      </c>
      <c r="F52" s="56">
        <v>360</v>
      </c>
      <c r="G52" s="56"/>
      <c r="H52" s="56"/>
      <c r="I52" s="56">
        <v>384</v>
      </c>
      <c r="J52" s="57">
        <v>24</v>
      </c>
      <c r="K52" s="58">
        <v>0.96</v>
      </c>
      <c r="L52" s="59">
        <v>1.05</v>
      </c>
    </row>
    <row r="53" spans="2:12" ht="14.25" customHeight="1" x14ac:dyDescent="0.15">
      <c r="B53" s="52"/>
      <c r="C53" s="79"/>
      <c r="D53" s="54" t="s">
        <v>56</v>
      </c>
      <c r="E53" s="55">
        <v>318</v>
      </c>
      <c r="F53" s="56">
        <v>344</v>
      </c>
      <c r="G53" s="56"/>
      <c r="H53" s="56"/>
      <c r="I53" s="56">
        <v>335</v>
      </c>
      <c r="J53" s="57">
        <v>-9</v>
      </c>
      <c r="K53" s="58">
        <v>1.05</v>
      </c>
      <c r="L53" s="59">
        <v>1.05</v>
      </c>
    </row>
    <row r="54" spans="2:12" ht="14.25" customHeight="1" x14ac:dyDescent="0.15">
      <c r="B54" s="52"/>
      <c r="C54" s="79"/>
      <c r="D54" s="54" t="s">
        <v>57</v>
      </c>
      <c r="E54" s="55">
        <v>278</v>
      </c>
      <c r="F54" s="56">
        <v>152</v>
      </c>
      <c r="G54" s="56"/>
      <c r="H54" s="56"/>
      <c r="I54" s="56">
        <v>162</v>
      </c>
      <c r="J54" s="57">
        <v>10</v>
      </c>
      <c r="K54" s="58">
        <v>0.57999999999999996</v>
      </c>
      <c r="L54" s="59">
        <v>0.97</v>
      </c>
    </row>
    <row r="55" spans="2:12" ht="14.25" customHeight="1" x14ac:dyDescent="0.15">
      <c r="B55" s="52"/>
      <c r="C55" s="79"/>
      <c r="D55" s="54" t="s">
        <v>58</v>
      </c>
      <c r="E55" s="55">
        <v>318</v>
      </c>
      <c r="F55" s="56">
        <v>304</v>
      </c>
      <c r="G55" s="56"/>
      <c r="H55" s="56"/>
      <c r="I55" s="56">
        <v>318</v>
      </c>
      <c r="J55" s="57">
        <v>14</v>
      </c>
      <c r="K55" s="58">
        <v>1</v>
      </c>
      <c r="L55" s="59">
        <v>1.01</v>
      </c>
    </row>
    <row r="56" spans="2:12" ht="7.5" customHeight="1" x14ac:dyDescent="0.15">
      <c r="B56" s="83"/>
      <c r="C56" s="39"/>
      <c r="D56" s="40"/>
      <c r="E56" s="84"/>
      <c r="F56" s="85"/>
      <c r="G56" s="86"/>
      <c r="H56" s="86"/>
      <c r="I56" s="86"/>
      <c r="J56" s="87"/>
      <c r="K56" s="88"/>
      <c r="L56" s="89"/>
    </row>
    <row r="57" spans="2:12" ht="7.15" customHeight="1" x14ac:dyDescent="0.15">
      <c r="B57" s="90"/>
      <c r="C57" s="91"/>
      <c r="D57" s="20"/>
      <c r="E57" s="92"/>
      <c r="F57" s="93"/>
      <c r="G57" s="94"/>
      <c r="H57" s="94"/>
      <c r="I57" s="94"/>
      <c r="J57" s="57"/>
      <c r="K57" s="94"/>
      <c r="L57" s="95"/>
    </row>
    <row r="58" spans="2:12" ht="7.5" customHeight="1" x14ac:dyDescent="0.15">
      <c r="B58" s="96" t="s">
        <v>59</v>
      </c>
      <c r="C58" s="97"/>
      <c r="D58" s="13"/>
      <c r="E58" s="98"/>
      <c r="F58" s="99"/>
      <c r="G58" s="100"/>
      <c r="H58" s="100"/>
      <c r="I58" s="100"/>
      <c r="J58" s="101"/>
      <c r="K58" s="102"/>
      <c r="L58" s="103"/>
    </row>
    <row r="59" spans="2:12" ht="14.25" customHeight="1" x14ac:dyDescent="0.15">
      <c r="B59" s="104"/>
      <c r="C59" s="79"/>
      <c r="D59" s="54" t="s">
        <v>60</v>
      </c>
      <c r="E59" s="55">
        <v>279</v>
      </c>
      <c r="F59" s="56">
        <v>363</v>
      </c>
      <c r="G59" s="56"/>
      <c r="H59" s="56"/>
      <c r="I59" s="56">
        <v>348</v>
      </c>
      <c r="J59" s="57">
        <v>-15</v>
      </c>
      <c r="K59" s="58">
        <v>1.25</v>
      </c>
      <c r="L59" s="59">
        <v>1.37</v>
      </c>
    </row>
    <row r="60" spans="2:12" ht="14.25" customHeight="1" x14ac:dyDescent="0.15">
      <c r="B60" s="104"/>
      <c r="C60" s="79"/>
      <c r="D60" s="54" t="s">
        <v>61</v>
      </c>
      <c r="E60" s="55">
        <v>278</v>
      </c>
      <c r="F60" s="56">
        <v>331</v>
      </c>
      <c r="G60" s="56"/>
      <c r="H60" s="56"/>
      <c r="I60" s="56">
        <v>321</v>
      </c>
      <c r="J60" s="57">
        <v>-10</v>
      </c>
      <c r="K60" s="58">
        <v>1.1499999999999999</v>
      </c>
      <c r="L60" s="59">
        <v>1.1000000000000001</v>
      </c>
    </row>
    <row r="61" spans="2:12" ht="14.25" customHeight="1" x14ac:dyDescent="0.15">
      <c r="B61" s="104"/>
      <c r="C61" s="79"/>
      <c r="D61" s="54" t="s">
        <v>62</v>
      </c>
      <c r="E61" s="55">
        <v>318</v>
      </c>
      <c r="F61" s="56">
        <v>320</v>
      </c>
      <c r="G61" s="56"/>
      <c r="H61" s="56"/>
      <c r="I61" s="56">
        <v>349</v>
      </c>
      <c r="J61" s="57">
        <v>29</v>
      </c>
      <c r="K61" s="58">
        <v>1.1000000000000001</v>
      </c>
      <c r="L61" s="59">
        <v>1.41</v>
      </c>
    </row>
    <row r="62" spans="2:12" ht="14.25" customHeight="1" x14ac:dyDescent="0.15">
      <c r="B62" s="104"/>
      <c r="C62" s="79"/>
      <c r="D62" s="54" t="s">
        <v>63</v>
      </c>
      <c r="E62" s="55">
        <v>238</v>
      </c>
      <c r="F62" s="56">
        <v>278</v>
      </c>
      <c r="G62" s="56"/>
      <c r="H62" s="56"/>
      <c r="I62" s="56">
        <v>281</v>
      </c>
      <c r="J62" s="57">
        <v>3</v>
      </c>
      <c r="K62" s="58">
        <v>1.18</v>
      </c>
      <c r="L62" s="59">
        <v>1.03</v>
      </c>
    </row>
    <row r="63" spans="2:12" ht="14.25" customHeight="1" x14ac:dyDescent="0.15">
      <c r="B63" s="104"/>
      <c r="C63" s="79"/>
      <c r="D63" s="54" t="s">
        <v>64</v>
      </c>
      <c r="E63" s="55">
        <v>318</v>
      </c>
      <c r="F63" s="56">
        <v>352</v>
      </c>
      <c r="G63" s="56"/>
      <c r="H63" s="56"/>
      <c r="I63" s="56">
        <v>364</v>
      </c>
      <c r="J63" s="57">
        <v>12</v>
      </c>
      <c r="K63" s="58">
        <v>1.1399999999999999</v>
      </c>
      <c r="L63" s="59">
        <v>1.17</v>
      </c>
    </row>
    <row r="64" spans="2:12" ht="7.5" customHeight="1" x14ac:dyDescent="0.15">
      <c r="B64" s="105"/>
      <c r="C64" s="62"/>
      <c r="D64" s="63"/>
      <c r="E64" s="64"/>
      <c r="F64" s="66"/>
      <c r="G64" s="66"/>
      <c r="H64" s="66"/>
      <c r="I64" s="66"/>
      <c r="J64" s="106"/>
      <c r="K64" s="68"/>
      <c r="L64" s="69"/>
    </row>
    <row r="65" spans="2:12" ht="7.5" customHeight="1" x14ac:dyDescent="0.15">
      <c r="B65" s="107" t="s">
        <v>65</v>
      </c>
      <c r="C65" s="71"/>
      <c r="D65" s="72"/>
      <c r="E65" s="73"/>
      <c r="F65" s="75"/>
      <c r="G65" s="75"/>
      <c r="H65" s="75"/>
      <c r="I65" s="75"/>
      <c r="J65" s="108"/>
      <c r="K65" s="77"/>
      <c r="L65" s="78"/>
    </row>
    <row r="66" spans="2:12" ht="14.25" customHeight="1" x14ac:dyDescent="0.15">
      <c r="B66" s="104"/>
      <c r="C66" s="79"/>
      <c r="D66" s="54" t="s">
        <v>66</v>
      </c>
      <c r="E66" s="55">
        <v>359</v>
      </c>
      <c r="F66" s="56">
        <v>446</v>
      </c>
      <c r="G66" s="56"/>
      <c r="H66" s="56"/>
      <c r="I66" s="56">
        <v>441</v>
      </c>
      <c r="J66" s="57">
        <v>-5</v>
      </c>
      <c r="K66" s="58">
        <v>1.23</v>
      </c>
      <c r="L66" s="59">
        <v>1.32</v>
      </c>
    </row>
    <row r="67" spans="2:12" ht="14.25" customHeight="1" x14ac:dyDescent="0.15">
      <c r="B67" s="104"/>
      <c r="C67" s="79"/>
      <c r="D67" s="54" t="s">
        <v>67</v>
      </c>
      <c r="E67" s="55">
        <v>358</v>
      </c>
      <c r="F67" s="56">
        <v>546</v>
      </c>
      <c r="G67" s="56"/>
      <c r="H67" s="56"/>
      <c r="I67" s="56">
        <v>529</v>
      </c>
      <c r="J67" s="57">
        <v>-17</v>
      </c>
      <c r="K67" s="58">
        <v>1.48</v>
      </c>
      <c r="L67" s="59">
        <v>1.32</v>
      </c>
    </row>
    <row r="68" spans="2:12" ht="14.25" customHeight="1" x14ac:dyDescent="0.15">
      <c r="B68" s="104"/>
      <c r="C68" s="79"/>
      <c r="D68" s="54" t="s">
        <v>68</v>
      </c>
      <c r="E68" s="55">
        <v>398</v>
      </c>
      <c r="F68" s="56">
        <v>453</v>
      </c>
      <c r="G68" s="56"/>
      <c r="H68" s="56"/>
      <c r="I68" s="56">
        <v>471</v>
      </c>
      <c r="J68" s="57">
        <v>18</v>
      </c>
      <c r="K68" s="58">
        <v>1.18</v>
      </c>
      <c r="L68" s="59">
        <v>1.32</v>
      </c>
    </row>
    <row r="69" spans="2:12" ht="14.25" customHeight="1" x14ac:dyDescent="0.15">
      <c r="B69" s="104"/>
      <c r="C69" s="79"/>
      <c r="D69" s="54" t="s">
        <v>69</v>
      </c>
      <c r="E69" s="55">
        <v>359</v>
      </c>
      <c r="F69" s="56">
        <v>627</v>
      </c>
      <c r="G69" s="56"/>
      <c r="H69" s="56"/>
      <c r="I69" s="56">
        <v>593</v>
      </c>
      <c r="J69" s="57">
        <v>-34</v>
      </c>
      <c r="K69" s="58">
        <v>1.65</v>
      </c>
      <c r="L69" s="59">
        <v>1.61</v>
      </c>
    </row>
    <row r="70" spans="2:12" ht="14.25" customHeight="1" x14ac:dyDescent="0.15">
      <c r="B70" s="104"/>
      <c r="C70" s="79"/>
      <c r="D70" s="54" t="s">
        <v>70</v>
      </c>
      <c r="E70" s="55">
        <v>318</v>
      </c>
      <c r="F70" s="56">
        <v>374</v>
      </c>
      <c r="G70" s="56"/>
      <c r="H70" s="56"/>
      <c r="I70" s="56">
        <v>379</v>
      </c>
      <c r="J70" s="57">
        <v>5</v>
      </c>
      <c r="K70" s="58">
        <v>1.19</v>
      </c>
      <c r="L70" s="59">
        <v>1.43</v>
      </c>
    </row>
    <row r="71" spans="2:12" ht="14.25" customHeight="1" x14ac:dyDescent="0.15">
      <c r="B71" s="104"/>
      <c r="C71" s="79"/>
      <c r="D71" s="54" t="s">
        <v>71</v>
      </c>
      <c r="E71" s="55">
        <v>238</v>
      </c>
      <c r="F71" s="56">
        <v>262</v>
      </c>
      <c r="G71" s="56"/>
      <c r="H71" s="56"/>
      <c r="I71" s="56">
        <v>273</v>
      </c>
      <c r="J71" s="57">
        <v>11</v>
      </c>
      <c r="K71" s="58">
        <v>1.1499999999999999</v>
      </c>
      <c r="L71" s="59">
        <v>1.35</v>
      </c>
    </row>
    <row r="72" spans="2:12" ht="14.25" customHeight="1" x14ac:dyDescent="0.15">
      <c r="B72" s="104"/>
      <c r="C72" s="79"/>
      <c r="D72" s="82" t="s">
        <v>72</v>
      </c>
      <c r="E72" s="55">
        <v>278</v>
      </c>
      <c r="F72" s="56">
        <v>349</v>
      </c>
      <c r="G72" s="56"/>
      <c r="H72" s="56"/>
      <c r="I72" s="56">
        <v>337</v>
      </c>
      <c r="J72" s="57">
        <v>-12</v>
      </c>
      <c r="K72" s="58">
        <v>1.21</v>
      </c>
      <c r="L72" s="59">
        <v>1.4</v>
      </c>
    </row>
    <row r="73" spans="2:12" ht="14.25" customHeight="1" x14ac:dyDescent="0.15">
      <c r="B73" s="104"/>
      <c r="C73" s="79"/>
      <c r="D73" s="82" t="s">
        <v>73</v>
      </c>
      <c r="E73" s="55">
        <v>279</v>
      </c>
      <c r="F73" s="56">
        <v>396</v>
      </c>
      <c r="G73" s="56"/>
      <c r="H73" s="56"/>
      <c r="I73" s="56">
        <v>371</v>
      </c>
      <c r="J73" s="57">
        <v>-25</v>
      </c>
      <c r="K73" s="58">
        <v>1.33</v>
      </c>
      <c r="L73" s="59">
        <v>1.22</v>
      </c>
    </row>
    <row r="74" spans="2:12" ht="14.25" customHeight="1" x14ac:dyDescent="0.15">
      <c r="B74" s="104"/>
      <c r="C74" s="79"/>
      <c r="D74" s="82" t="s">
        <v>74</v>
      </c>
      <c r="E74" s="55">
        <v>383</v>
      </c>
      <c r="F74" s="56">
        <v>425</v>
      </c>
      <c r="G74" s="56"/>
      <c r="H74" s="56"/>
      <c r="I74" s="56">
        <v>438</v>
      </c>
      <c r="J74" s="57">
        <v>13</v>
      </c>
      <c r="K74" s="58">
        <v>1.1399999999999999</v>
      </c>
      <c r="L74" s="59">
        <v>1.17</v>
      </c>
    </row>
    <row r="75" spans="2:12" ht="14.25" customHeight="1" x14ac:dyDescent="0.15">
      <c r="B75" s="104"/>
      <c r="C75" s="79"/>
      <c r="D75" s="54" t="s">
        <v>75</v>
      </c>
      <c r="E75" s="55">
        <v>358</v>
      </c>
      <c r="F75" s="56">
        <v>351</v>
      </c>
      <c r="G75" s="56"/>
      <c r="H75" s="56"/>
      <c r="I75" s="56">
        <v>371</v>
      </c>
      <c r="J75" s="57">
        <v>20</v>
      </c>
      <c r="K75" s="58">
        <v>1.04</v>
      </c>
      <c r="L75" s="59">
        <v>1.1399999999999999</v>
      </c>
    </row>
    <row r="76" spans="2:12" ht="14.25" customHeight="1" x14ac:dyDescent="0.15">
      <c r="B76" s="104"/>
      <c r="C76" s="79"/>
      <c r="D76" s="54" t="s">
        <v>76</v>
      </c>
      <c r="E76" s="55">
        <v>238</v>
      </c>
      <c r="F76" s="56">
        <v>134</v>
      </c>
      <c r="G76" s="56"/>
      <c r="H76" s="56"/>
      <c r="I76" s="56">
        <v>132</v>
      </c>
      <c r="J76" s="57">
        <v>-2</v>
      </c>
      <c r="K76" s="58">
        <v>0.55000000000000004</v>
      </c>
      <c r="L76" s="59">
        <v>0.57999999999999996</v>
      </c>
    </row>
    <row r="77" spans="2:12" ht="7.5" customHeight="1" x14ac:dyDescent="0.15">
      <c r="B77" s="105"/>
      <c r="C77" s="62"/>
      <c r="D77" s="63"/>
      <c r="E77" s="64"/>
      <c r="F77" s="109"/>
      <c r="G77" s="109"/>
      <c r="H77" s="65"/>
      <c r="I77" s="109"/>
      <c r="J77" s="67"/>
      <c r="K77" s="68"/>
      <c r="L77" s="69"/>
    </row>
    <row r="78" spans="2:12" ht="7.5" customHeight="1" x14ac:dyDescent="0.15">
      <c r="B78" s="107" t="s">
        <v>77</v>
      </c>
      <c r="C78" s="71"/>
      <c r="D78" s="72"/>
      <c r="E78" s="73"/>
      <c r="F78" s="75"/>
      <c r="G78" s="75"/>
      <c r="H78" s="75"/>
      <c r="I78" s="75"/>
      <c r="J78" s="108"/>
      <c r="K78" s="77"/>
      <c r="L78" s="78"/>
    </row>
    <row r="79" spans="2:12" ht="14.25" customHeight="1" x14ac:dyDescent="0.15">
      <c r="B79" s="104"/>
      <c r="C79" s="79"/>
      <c r="D79" s="54" t="s">
        <v>78</v>
      </c>
      <c r="E79" s="55">
        <v>319</v>
      </c>
      <c r="F79" s="56">
        <v>362</v>
      </c>
      <c r="G79" s="56"/>
      <c r="H79" s="56"/>
      <c r="I79" s="56">
        <v>374</v>
      </c>
      <c r="J79" s="57">
        <v>12</v>
      </c>
      <c r="K79" s="58">
        <v>1.17</v>
      </c>
      <c r="L79" s="59">
        <v>1.38</v>
      </c>
    </row>
    <row r="80" spans="2:12" ht="14.25" customHeight="1" x14ac:dyDescent="0.15">
      <c r="B80" s="104"/>
      <c r="C80" s="79"/>
      <c r="D80" s="54" t="s">
        <v>79</v>
      </c>
      <c r="E80" s="55">
        <v>228</v>
      </c>
      <c r="F80" s="56">
        <v>245</v>
      </c>
      <c r="G80" s="56"/>
      <c r="H80" s="56"/>
      <c r="I80" s="56">
        <v>249</v>
      </c>
      <c r="J80" s="57">
        <v>4</v>
      </c>
      <c r="K80" s="58">
        <v>1.0900000000000001</v>
      </c>
      <c r="L80" s="59">
        <v>1.0900000000000001</v>
      </c>
    </row>
    <row r="81" spans="2:12" ht="14.25" customHeight="1" x14ac:dyDescent="0.15">
      <c r="B81" s="104"/>
      <c r="C81" s="79"/>
      <c r="D81" s="54" t="s">
        <v>80</v>
      </c>
      <c r="E81" s="55">
        <v>278</v>
      </c>
      <c r="F81" s="56">
        <v>375</v>
      </c>
      <c r="G81" s="56"/>
      <c r="H81" s="56"/>
      <c r="I81" s="56">
        <v>346</v>
      </c>
      <c r="J81" s="57">
        <v>-29</v>
      </c>
      <c r="K81" s="58">
        <v>1.24</v>
      </c>
      <c r="L81" s="59">
        <v>1.21</v>
      </c>
    </row>
    <row r="82" spans="2:12" ht="14.25" customHeight="1" x14ac:dyDescent="0.15">
      <c r="B82" s="104"/>
      <c r="C82" s="79"/>
      <c r="D82" s="54" t="s">
        <v>81</v>
      </c>
      <c r="E82" s="55">
        <v>238</v>
      </c>
      <c r="F82" s="56">
        <v>85</v>
      </c>
      <c r="G82" s="56"/>
      <c r="H82" s="56"/>
      <c r="I82" s="56">
        <v>84</v>
      </c>
      <c r="J82" s="57">
        <v>-1</v>
      </c>
      <c r="K82" s="58">
        <v>0.35</v>
      </c>
      <c r="L82" s="59">
        <v>0.86</v>
      </c>
    </row>
    <row r="83" spans="2:12" ht="14.25" customHeight="1" x14ac:dyDescent="0.15">
      <c r="B83" s="104"/>
      <c r="C83" s="79"/>
      <c r="D83" s="54" t="s">
        <v>82</v>
      </c>
      <c r="E83" s="55">
        <v>358</v>
      </c>
      <c r="F83" s="56">
        <v>393</v>
      </c>
      <c r="G83" s="56"/>
      <c r="H83" s="56"/>
      <c r="I83" s="56">
        <v>414</v>
      </c>
      <c r="J83" s="57">
        <v>21</v>
      </c>
      <c r="K83" s="58">
        <v>1.1599999999999999</v>
      </c>
      <c r="L83" s="59">
        <v>1.06</v>
      </c>
    </row>
    <row r="84" spans="2:12" ht="14.25" customHeight="1" x14ac:dyDescent="0.15">
      <c r="B84" s="104"/>
      <c r="C84" s="79"/>
      <c r="D84" s="54" t="s">
        <v>83</v>
      </c>
      <c r="E84" s="55">
        <v>278</v>
      </c>
      <c r="F84" s="56">
        <v>221</v>
      </c>
      <c r="G84" s="56"/>
      <c r="H84" s="56"/>
      <c r="I84" s="56">
        <v>247</v>
      </c>
      <c r="J84" s="57">
        <v>26</v>
      </c>
      <c r="K84" s="58">
        <v>0.89</v>
      </c>
      <c r="L84" s="59">
        <v>0.95</v>
      </c>
    </row>
    <row r="85" spans="2:12" ht="14.25" customHeight="1" x14ac:dyDescent="0.15">
      <c r="B85" s="104"/>
      <c r="C85" s="79"/>
      <c r="D85" s="54" t="s">
        <v>84</v>
      </c>
      <c r="E85" s="55">
        <v>228</v>
      </c>
      <c r="F85" s="56">
        <v>258</v>
      </c>
      <c r="G85" s="56"/>
      <c r="H85" s="56"/>
      <c r="I85" s="56">
        <v>255</v>
      </c>
      <c r="J85" s="57">
        <v>-3</v>
      </c>
      <c r="K85" s="58">
        <v>1.1200000000000001</v>
      </c>
      <c r="L85" s="59">
        <v>1.29</v>
      </c>
    </row>
    <row r="86" spans="2:12" ht="14.25" customHeight="1" x14ac:dyDescent="0.15">
      <c r="B86" s="104"/>
      <c r="C86" s="79"/>
      <c r="D86" s="110" t="s">
        <v>85</v>
      </c>
      <c r="E86" s="55">
        <v>308</v>
      </c>
      <c r="F86" s="56">
        <v>319</v>
      </c>
      <c r="G86" s="56"/>
      <c r="H86" s="56"/>
      <c r="I86" s="56">
        <v>331</v>
      </c>
      <c r="J86" s="57">
        <v>12</v>
      </c>
      <c r="K86" s="58">
        <v>1.07</v>
      </c>
      <c r="L86" s="59">
        <v>1.1499999999999999</v>
      </c>
    </row>
    <row r="87" spans="2:12" ht="7.5" customHeight="1" x14ac:dyDescent="0.15">
      <c r="B87" s="105"/>
      <c r="C87" s="62"/>
      <c r="D87" s="63"/>
      <c r="E87" s="64"/>
      <c r="F87" s="66"/>
      <c r="G87" s="66"/>
      <c r="H87" s="66"/>
      <c r="I87" s="66"/>
      <c r="J87" s="106"/>
      <c r="K87" s="68"/>
      <c r="L87" s="69"/>
    </row>
    <row r="88" spans="2:12" ht="7.5" customHeight="1" x14ac:dyDescent="0.15">
      <c r="B88" s="70" t="s">
        <v>86</v>
      </c>
      <c r="C88" s="71"/>
      <c r="D88" s="72"/>
      <c r="E88" s="73"/>
      <c r="F88" s="75"/>
      <c r="G88" s="75"/>
      <c r="H88" s="75"/>
      <c r="I88" s="75"/>
      <c r="J88" s="108"/>
      <c r="K88" s="77"/>
      <c r="L88" s="78"/>
    </row>
    <row r="89" spans="2:12" ht="14.25" customHeight="1" x14ac:dyDescent="0.15">
      <c r="B89" s="52"/>
      <c r="C89" s="79"/>
      <c r="D89" s="54" t="s">
        <v>87</v>
      </c>
      <c r="E89" s="55">
        <v>118</v>
      </c>
      <c r="F89" s="56">
        <v>69</v>
      </c>
      <c r="G89" s="56"/>
      <c r="H89" s="56"/>
      <c r="I89" s="56">
        <v>67</v>
      </c>
      <c r="J89" s="57">
        <v>-2</v>
      </c>
      <c r="K89" s="58">
        <v>0.56999999999999995</v>
      </c>
      <c r="L89" s="59">
        <v>0.77</v>
      </c>
    </row>
    <row r="90" spans="2:12" ht="14.25" customHeight="1" x14ac:dyDescent="0.15">
      <c r="B90" s="52"/>
      <c r="C90" s="79"/>
      <c r="D90" s="54" t="s">
        <v>88</v>
      </c>
      <c r="E90" s="55">
        <v>348</v>
      </c>
      <c r="F90" s="56">
        <v>318</v>
      </c>
      <c r="G90" s="56"/>
      <c r="H90" s="56"/>
      <c r="I90" s="56">
        <v>340</v>
      </c>
      <c r="J90" s="57">
        <v>22</v>
      </c>
      <c r="K90" s="58">
        <v>0.98</v>
      </c>
      <c r="L90" s="59">
        <v>1.1599999999999999</v>
      </c>
    </row>
    <row r="91" spans="2:12" ht="14.25" customHeight="1" x14ac:dyDescent="0.15">
      <c r="B91" s="52"/>
      <c r="C91" s="79"/>
      <c r="D91" s="54" t="s">
        <v>89</v>
      </c>
      <c r="E91" s="55">
        <v>238</v>
      </c>
      <c r="F91" s="56">
        <v>242</v>
      </c>
      <c r="G91" s="56"/>
      <c r="H91" s="56"/>
      <c r="I91" s="56">
        <v>239</v>
      </c>
      <c r="J91" s="57">
        <v>-3</v>
      </c>
      <c r="K91" s="58">
        <v>1</v>
      </c>
      <c r="L91" s="59">
        <v>0.85</v>
      </c>
    </row>
    <row r="92" spans="2:12" ht="14.25" customHeight="1" x14ac:dyDescent="0.15">
      <c r="B92" s="52"/>
      <c r="C92" s="79"/>
      <c r="D92" s="54" t="s">
        <v>90</v>
      </c>
      <c r="E92" s="55">
        <v>198</v>
      </c>
      <c r="F92" s="56">
        <v>153</v>
      </c>
      <c r="G92" s="56"/>
      <c r="H92" s="56"/>
      <c r="I92" s="56">
        <v>153</v>
      </c>
      <c r="J92" s="57">
        <v>0</v>
      </c>
      <c r="K92" s="58">
        <v>0.77</v>
      </c>
      <c r="L92" s="59">
        <v>0.91</v>
      </c>
    </row>
    <row r="93" spans="2:12" ht="7.5" customHeight="1" x14ac:dyDescent="0.15">
      <c r="B93" s="52"/>
      <c r="C93" s="48"/>
      <c r="D93" s="20"/>
      <c r="E93" s="111"/>
      <c r="F93" s="94"/>
      <c r="G93" s="94"/>
      <c r="H93" s="94"/>
      <c r="I93" s="94"/>
      <c r="J93" s="112"/>
      <c r="K93" s="113"/>
      <c r="L93" s="114"/>
    </row>
    <row r="94" spans="2:12" ht="7.5" customHeight="1" x14ac:dyDescent="0.15">
      <c r="B94" s="70" t="s">
        <v>91</v>
      </c>
      <c r="C94" s="71"/>
      <c r="D94" s="72"/>
      <c r="E94" s="73"/>
      <c r="F94" s="75"/>
      <c r="G94" s="75"/>
      <c r="H94" s="75"/>
      <c r="I94" s="75"/>
      <c r="J94" s="108"/>
      <c r="K94" s="77"/>
      <c r="L94" s="78"/>
    </row>
    <row r="95" spans="2:12" ht="14.25" customHeight="1" x14ac:dyDescent="0.15">
      <c r="B95" s="52"/>
      <c r="C95" s="79"/>
      <c r="D95" s="54" t="s">
        <v>92</v>
      </c>
      <c r="E95" s="55">
        <v>359</v>
      </c>
      <c r="F95" s="56">
        <v>459</v>
      </c>
      <c r="G95" s="56"/>
      <c r="H95" s="56"/>
      <c r="I95" s="56">
        <v>450</v>
      </c>
      <c r="J95" s="57">
        <v>-9</v>
      </c>
      <c r="K95" s="58">
        <v>1.25</v>
      </c>
      <c r="L95" s="59">
        <v>1.1599999999999999</v>
      </c>
    </row>
    <row r="96" spans="2:12" ht="14.25" customHeight="1" x14ac:dyDescent="0.15">
      <c r="B96" s="52"/>
      <c r="C96" s="79"/>
      <c r="D96" s="115" t="s">
        <v>93</v>
      </c>
      <c r="E96" s="55">
        <v>198</v>
      </c>
      <c r="F96" s="56">
        <v>216</v>
      </c>
      <c r="G96" s="56"/>
      <c r="H96" s="56"/>
      <c r="I96" s="56">
        <v>214</v>
      </c>
      <c r="J96" s="57">
        <v>-2</v>
      </c>
      <c r="K96" s="58">
        <v>1.08</v>
      </c>
      <c r="L96" s="59">
        <v>1.0900000000000001</v>
      </c>
    </row>
    <row r="97" spans="2:12" ht="14.25" customHeight="1" x14ac:dyDescent="0.15">
      <c r="B97" s="52"/>
      <c r="C97" s="79"/>
      <c r="D97" s="54" t="s">
        <v>94</v>
      </c>
      <c r="E97" s="55">
        <v>238</v>
      </c>
      <c r="F97" s="56">
        <v>263</v>
      </c>
      <c r="G97" s="56"/>
      <c r="H97" s="56"/>
      <c r="I97" s="56">
        <v>253</v>
      </c>
      <c r="J97" s="57">
        <v>-10</v>
      </c>
      <c r="K97" s="58">
        <v>1.06</v>
      </c>
      <c r="L97" s="59">
        <v>1.04</v>
      </c>
    </row>
    <row r="98" spans="2:12" ht="14.25" customHeight="1" x14ac:dyDescent="0.15">
      <c r="B98" s="52"/>
      <c r="C98" s="79"/>
      <c r="D98" s="54" t="s">
        <v>95</v>
      </c>
      <c r="E98" s="55">
        <v>238</v>
      </c>
      <c r="F98" s="56">
        <v>169</v>
      </c>
      <c r="G98" s="56"/>
      <c r="H98" s="56"/>
      <c r="I98" s="56">
        <v>204</v>
      </c>
      <c r="J98" s="57">
        <v>35</v>
      </c>
      <c r="K98" s="58">
        <v>0.86</v>
      </c>
      <c r="L98" s="59">
        <v>1.1299999999999999</v>
      </c>
    </row>
    <row r="99" spans="2:12" ht="14.25" customHeight="1" x14ac:dyDescent="0.15">
      <c r="B99" s="52"/>
      <c r="C99" s="79"/>
      <c r="D99" s="54" t="s">
        <v>96</v>
      </c>
      <c r="E99" s="55">
        <v>398</v>
      </c>
      <c r="F99" s="56">
        <v>499</v>
      </c>
      <c r="G99" s="56"/>
      <c r="H99" s="56"/>
      <c r="I99" s="56">
        <v>473</v>
      </c>
      <c r="J99" s="57">
        <v>-26</v>
      </c>
      <c r="K99" s="58">
        <v>1.19</v>
      </c>
      <c r="L99" s="59">
        <v>1.24</v>
      </c>
    </row>
    <row r="100" spans="2:12" ht="14.25" customHeight="1" x14ac:dyDescent="0.15">
      <c r="B100" s="52"/>
      <c r="C100" s="79"/>
      <c r="D100" s="54" t="s">
        <v>97</v>
      </c>
      <c r="E100" s="55">
        <v>318</v>
      </c>
      <c r="F100" s="56">
        <v>309</v>
      </c>
      <c r="G100" s="56"/>
      <c r="H100" s="56"/>
      <c r="I100" s="56">
        <v>345</v>
      </c>
      <c r="J100" s="57">
        <v>36</v>
      </c>
      <c r="K100" s="58">
        <v>1.08</v>
      </c>
      <c r="L100" s="59">
        <v>1.1299999999999999</v>
      </c>
    </row>
    <row r="101" spans="2:12" ht="14.25" customHeight="1" x14ac:dyDescent="0.15">
      <c r="B101" s="52"/>
      <c r="C101" s="79"/>
      <c r="D101" s="54" t="s">
        <v>98</v>
      </c>
      <c r="E101" s="55">
        <v>178</v>
      </c>
      <c r="F101" s="56">
        <v>102</v>
      </c>
      <c r="G101" s="56"/>
      <c r="H101" s="56"/>
      <c r="I101" s="56">
        <v>97</v>
      </c>
      <c r="J101" s="57">
        <v>-5</v>
      </c>
      <c r="K101" s="58">
        <v>0.54</v>
      </c>
      <c r="L101" s="59">
        <v>0.52</v>
      </c>
    </row>
    <row r="102" spans="2:12" ht="14.25" customHeight="1" x14ac:dyDescent="0.15">
      <c r="B102" s="52"/>
      <c r="C102" s="79"/>
      <c r="D102" s="54" t="s">
        <v>99</v>
      </c>
      <c r="E102" s="55">
        <v>279</v>
      </c>
      <c r="F102" s="56">
        <v>349</v>
      </c>
      <c r="G102" s="56"/>
      <c r="H102" s="56"/>
      <c r="I102" s="56">
        <v>379</v>
      </c>
      <c r="J102" s="57">
        <v>30</v>
      </c>
      <c r="K102" s="58">
        <v>1.36</v>
      </c>
      <c r="L102" s="59">
        <v>1.56</v>
      </c>
    </row>
    <row r="103" spans="2:12" ht="14.25" customHeight="1" x14ac:dyDescent="0.15">
      <c r="B103" s="52"/>
      <c r="C103" s="79"/>
      <c r="D103" s="54" t="s">
        <v>100</v>
      </c>
      <c r="E103" s="55">
        <v>308</v>
      </c>
      <c r="F103" s="56">
        <v>309</v>
      </c>
      <c r="G103" s="56"/>
      <c r="H103" s="56"/>
      <c r="I103" s="56">
        <v>307</v>
      </c>
      <c r="J103" s="57">
        <v>-2</v>
      </c>
      <c r="K103" s="58">
        <v>1</v>
      </c>
      <c r="L103" s="59">
        <v>1.06</v>
      </c>
    </row>
    <row r="104" spans="2:12" ht="14.25" customHeight="1" x14ac:dyDescent="0.15">
      <c r="B104" s="52"/>
      <c r="C104" s="79"/>
      <c r="D104" s="54" t="s">
        <v>101</v>
      </c>
      <c r="E104" s="55">
        <v>278</v>
      </c>
      <c r="F104" s="56">
        <v>332</v>
      </c>
      <c r="G104" s="56"/>
      <c r="H104" s="56"/>
      <c r="I104" s="56">
        <v>321</v>
      </c>
      <c r="J104" s="57">
        <v>-11</v>
      </c>
      <c r="K104" s="58">
        <v>1.1499999999999999</v>
      </c>
      <c r="L104" s="59">
        <v>1.04</v>
      </c>
    </row>
    <row r="105" spans="2:12" ht="14.25" customHeight="1" x14ac:dyDescent="0.15">
      <c r="B105" s="52"/>
      <c r="C105" s="79"/>
      <c r="D105" s="54" t="s">
        <v>102</v>
      </c>
      <c r="E105" s="55">
        <v>318</v>
      </c>
      <c r="F105" s="56">
        <v>441</v>
      </c>
      <c r="G105" s="56"/>
      <c r="H105" s="56"/>
      <c r="I105" s="56">
        <v>421</v>
      </c>
      <c r="J105" s="57">
        <v>-20</v>
      </c>
      <c r="K105" s="58">
        <v>1.32</v>
      </c>
      <c r="L105" s="59">
        <v>1.32</v>
      </c>
    </row>
    <row r="106" spans="2:12" ht="14.25" customHeight="1" x14ac:dyDescent="0.15">
      <c r="B106" s="52"/>
      <c r="C106" s="79"/>
      <c r="D106" s="54" t="s">
        <v>103</v>
      </c>
      <c r="E106" s="55">
        <v>318</v>
      </c>
      <c r="F106" s="56">
        <v>316</v>
      </c>
      <c r="G106" s="56"/>
      <c r="H106" s="56"/>
      <c r="I106" s="56">
        <v>324</v>
      </c>
      <c r="J106" s="57">
        <v>8</v>
      </c>
      <c r="K106" s="58">
        <v>1.02</v>
      </c>
      <c r="L106" s="59">
        <v>0.98</v>
      </c>
    </row>
    <row r="107" spans="2:12" ht="14.25" customHeight="1" x14ac:dyDescent="0.15">
      <c r="B107" s="52"/>
      <c r="C107" s="79"/>
      <c r="D107" s="54" t="s">
        <v>104</v>
      </c>
      <c r="E107" s="55">
        <v>318</v>
      </c>
      <c r="F107" s="56">
        <v>283</v>
      </c>
      <c r="G107" s="56"/>
      <c r="H107" s="56"/>
      <c r="I107" s="56">
        <v>288</v>
      </c>
      <c r="J107" s="57">
        <v>5</v>
      </c>
      <c r="K107" s="58">
        <v>0.91</v>
      </c>
      <c r="L107" s="59">
        <v>0.92</v>
      </c>
    </row>
    <row r="108" spans="2:12" ht="7.5" customHeight="1" x14ac:dyDescent="0.15">
      <c r="B108" s="83"/>
      <c r="C108" s="39"/>
      <c r="D108" s="40"/>
      <c r="E108" s="116"/>
      <c r="F108" s="117"/>
      <c r="G108" s="40"/>
      <c r="H108" s="40"/>
      <c r="I108" s="40"/>
      <c r="J108" s="118"/>
      <c r="K108" s="44"/>
      <c r="L108" s="119"/>
    </row>
    <row r="109" spans="2:12" ht="14.45" customHeight="1" x14ac:dyDescent="0.15">
      <c r="B109" s="120"/>
      <c r="C109" s="120"/>
      <c r="D109" s="120"/>
      <c r="E109" s="120"/>
      <c r="F109" s="120"/>
      <c r="G109" s="120"/>
      <c r="H109" s="120"/>
      <c r="I109" s="120"/>
      <c r="J109" s="120"/>
      <c r="K109" s="120"/>
      <c r="L109" s="120"/>
    </row>
    <row r="110" spans="2:12" ht="7.5" customHeight="1" x14ac:dyDescent="0.15">
      <c r="B110" s="47" t="s">
        <v>105</v>
      </c>
      <c r="C110" s="97"/>
      <c r="D110" s="13"/>
      <c r="E110" s="49"/>
      <c r="F110" s="121"/>
      <c r="G110" s="13"/>
      <c r="H110" s="13"/>
      <c r="I110" s="13"/>
      <c r="J110" s="122"/>
      <c r="K110" s="50"/>
      <c r="L110" s="123"/>
    </row>
    <row r="111" spans="2:12" ht="14.25" customHeight="1" x14ac:dyDescent="0.15">
      <c r="B111" s="52"/>
      <c r="C111" s="79"/>
      <c r="D111" s="54" t="s">
        <v>106</v>
      </c>
      <c r="E111" s="55">
        <v>358</v>
      </c>
      <c r="F111" s="56">
        <v>410</v>
      </c>
      <c r="G111" s="56"/>
      <c r="H111" s="56"/>
      <c r="I111" s="56">
        <v>419</v>
      </c>
      <c r="J111" s="57">
        <v>9</v>
      </c>
      <c r="K111" s="58">
        <v>1.17</v>
      </c>
      <c r="L111" s="59">
        <v>1.08</v>
      </c>
    </row>
    <row r="112" spans="2:12" ht="14.25" customHeight="1" x14ac:dyDescent="0.15">
      <c r="B112" s="52"/>
      <c r="C112" s="79"/>
      <c r="D112" s="54" t="s">
        <v>107</v>
      </c>
      <c r="E112" s="55">
        <v>278</v>
      </c>
      <c r="F112" s="56">
        <v>308</v>
      </c>
      <c r="G112" s="56"/>
      <c r="H112" s="56"/>
      <c r="I112" s="56">
        <v>287</v>
      </c>
      <c r="J112" s="57">
        <v>-21</v>
      </c>
      <c r="K112" s="58">
        <v>1.03</v>
      </c>
      <c r="L112" s="59">
        <v>1.08</v>
      </c>
    </row>
    <row r="113" spans="2:12" ht="14.25" customHeight="1" x14ac:dyDescent="0.15">
      <c r="B113" s="52"/>
      <c r="C113" s="79"/>
      <c r="D113" s="54" t="s">
        <v>108</v>
      </c>
      <c r="E113" s="55">
        <v>238</v>
      </c>
      <c r="F113" s="56">
        <v>301</v>
      </c>
      <c r="G113" s="56"/>
      <c r="H113" s="56"/>
      <c r="I113" s="56">
        <v>278</v>
      </c>
      <c r="J113" s="57">
        <v>-23</v>
      </c>
      <c r="K113" s="58">
        <v>1.17</v>
      </c>
      <c r="L113" s="59">
        <v>1.3</v>
      </c>
    </row>
    <row r="114" spans="2:12" ht="14.25" customHeight="1" x14ac:dyDescent="0.15">
      <c r="B114" s="52"/>
      <c r="C114" s="79"/>
      <c r="D114" s="54" t="s">
        <v>109</v>
      </c>
      <c r="E114" s="55">
        <v>279</v>
      </c>
      <c r="F114" s="56">
        <v>348</v>
      </c>
      <c r="G114" s="56"/>
      <c r="H114" s="56"/>
      <c r="I114" s="56">
        <v>360</v>
      </c>
      <c r="J114" s="57">
        <v>12</v>
      </c>
      <c r="K114" s="58">
        <v>1.29</v>
      </c>
      <c r="L114" s="59">
        <v>1.3</v>
      </c>
    </row>
    <row r="115" spans="2:12" ht="14.25" customHeight="1" x14ac:dyDescent="0.15">
      <c r="B115" s="52"/>
      <c r="C115" s="79"/>
      <c r="D115" s="54" t="s">
        <v>110</v>
      </c>
      <c r="E115" s="55">
        <v>358</v>
      </c>
      <c r="F115" s="56">
        <v>376</v>
      </c>
      <c r="G115" s="56"/>
      <c r="H115" s="56"/>
      <c r="I115" s="56">
        <v>383</v>
      </c>
      <c r="J115" s="57">
        <v>7</v>
      </c>
      <c r="K115" s="58">
        <v>1.07</v>
      </c>
      <c r="L115" s="59">
        <v>1.04</v>
      </c>
    </row>
    <row r="116" spans="2:12" ht="14.25" customHeight="1" x14ac:dyDescent="0.15">
      <c r="B116" s="52"/>
      <c r="C116" s="79"/>
      <c r="D116" s="54" t="s">
        <v>111</v>
      </c>
      <c r="E116" s="55">
        <v>268</v>
      </c>
      <c r="F116" s="56">
        <v>332</v>
      </c>
      <c r="G116" s="56"/>
      <c r="H116" s="56"/>
      <c r="I116" s="56">
        <v>314</v>
      </c>
      <c r="J116" s="57">
        <v>-18</v>
      </c>
      <c r="K116" s="58">
        <v>1.17</v>
      </c>
      <c r="L116" s="59">
        <v>1.1399999999999999</v>
      </c>
    </row>
    <row r="117" spans="2:12" ht="14.25" customHeight="1" x14ac:dyDescent="0.15">
      <c r="B117" s="52"/>
      <c r="C117" s="79"/>
      <c r="D117" s="54" t="s">
        <v>112</v>
      </c>
      <c r="E117" s="55">
        <v>278</v>
      </c>
      <c r="F117" s="56">
        <v>240</v>
      </c>
      <c r="G117" s="56"/>
      <c r="H117" s="56"/>
      <c r="I117" s="56">
        <v>267</v>
      </c>
      <c r="J117" s="57">
        <v>27</v>
      </c>
      <c r="K117" s="58">
        <v>0.96</v>
      </c>
      <c r="L117" s="59">
        <v>0.95</v>
      </c>
    </row>
    <row r="118" spans="2:12" ht="14.25" customHeight="1" x14ac:dyDescent="0.15">
      <c r="B118" s="52"/>
      <c r="C118" s="79"/>
      <c r="D118" s="54" t="s">
        <v>113</v>
      </c>
      <c r="E118" s="55">
        <v>158</v>
      </c>
      <c r="F118" s="56">
        <v>62</v>
      </c>
      <c r="G118" s="56"/>
      <c r="H118" s="56"/>
      <c r="I118" s="56">
        <v>59</v>
      </c>
      <c r="J118" s="57">
        <v>-3</v>
      </c>
      <c r="K118" s="58">
        <v>0.37</v>
      </c>
      <c r="L118" s="59">
        <v>0.56000000000000005</v>
      </c>
    </row>
    <row r="119" spans="2:12" ht="7.5" customHeight="1" x14ac:dyDescent="0.15">
      <c r="B119" s="61"/>
      <c r="C119" s="124"/>
      <c r="D119" s="125"/>
      <c r="E119" s="126"/>
      <c r="F119" s="127"/>
      <c r="G119" s="127"/>
      <c r="H119" s="125"/>
      <c r="I119" s="127"/>
      <c r="J119" s="128"/>
      <c r="K119" s="129"/>
      <c r="L119" s="130"/>
    </row>
    <row r="120" spans="2:12" ht="7.5" customHeight="1" x14ac:dyDescent="0.15">
      <c r="B120" s="131"/>
      <c r="C120" s="132"/>
      <c r="D120" s="133"/>
      <c r="E120" s="134"/>
      <c r="F120" s="135"/>
      <c r="G120" s="135"/>
      <c r="H120" s="133"/>
      <c r="I120" s="135"/>
      <c r="J120" s="136"/>
      <c r="K120" s="137"/>
      <c r="L120" s="138"/>
    </row>
    <row r="121" spans="2:12" ht="14.25" customHeight="1" x14ac:dyDescent="0.15">
      <c r="B121" s="139"/>
      <c r="C121" s="140"/>
      <c r="D121" s="141" t="s">
        <v>114</v>
      </c>
      <c r="E121" s="142">
        <v>26045</v>
      </c>
      <c r="F121" s="143">
        <v>30131</v>
      </c>
      <c r="G121" s="144"/>
      <c r="H121" s="145"/>
      <c r="I121" s="143">
        <v>30122</v>
      </c>
      <c r="J121" s="146">
        <v>-9</v>
      </c>
      <c r="K121" s="147">
        <v>1.1599999999999999</v>
      </c>
      <c r="L121" s="148">
        <v>1.21</v>
      </c>
    </row>
    <row r="122" spans="2:12" ht="7.5" customHeight="1" x14ac:dyDescent="0.15">
      <c r="B122" s="149"/>
      <c r="C122" s="150"/>
      <c r="D122" s="151"/>
      <c r="E122" s="152"/>
      <c r="F122" s="117"/>
      <c r="G122" s="117"/>
      <c r="H122" s="151"/>
      <c r="I122" s="117"/>
      <c r="J122" s="117"/>
      <c r="K122" s="153"/>
      <c r="L122" s="154"/>
    </row>
    <row r="123" spans="2:12" ht="7.5" customHeight="1" x14ac:dyDescent="0.15">
      <c r="B123" s="11"/>
      <c r="C123" s="12"/>
      <c r="D123" s="13"/>
      <c r="E123" s="14"/>
      <c r="F123" s="15"/>
      <c r="G123" s="3"/>
      <c r="H123" s="3"/>
      <c r="I123" s="3"/>
      <c r="J123" s="3"/>
      <c r="K123" s="20"/>
      <c r="L123" s="16"/>
    </row>
    <row r="124" spans="2:12" ht="14.25" customHeight="1" x14ac:dyDescent="0.15">
      <c r="B124" s="155" t="s">
        <v>3</v>
      </c>
      <c r="C124" s="156"/>
      <c r="E124" s="21"/>
      <c r="F124" s="22" t="s">
        <v>115</v>
      </c>
      <c r="G124" s="157" t="s">
        <v>116</v>
      </c>
      <c r="H124" s="158"/>
      <c r="I124" s="158"/>
      <c r="J124" s="25"/>
      <c r="K124" s="22" t="s">
        <v>5</v>
      </c>
      <c r="L124" s="26" t="s">
        <v>6</v>
      </c>
    </row>
    <row r="125" spans="2:12" ht="14.25" customHeight="1" x14ac:dyDescent="0.15">
      <c r="B125" s="155"/>
      <c r="C125" s="28"/>
      <c r="D125" s="29" t="s">
        <v>7</v>
      </c>
      <c r="E125" s="30" t="s">
        <v>8</v>
      </c>
      <c r="F125" s="31" t="s">
        <v>9</v>
      </c>
      <c r="G125" s="159" t="s">
        <v>117</v>
      </c>
      <c r="H125" s="159" t="s">
        <v>117</v>
      </c>
      <c r="I125" s="24" t="s">
        <v>118</v>
      </c>
      <c r="J125" s="33" t="s">
        <v>10</v>
      </c>
      <c r="K125" s="34" t="s">
        <v>11</v>
      </c>
      <c r="L125" s="26"/>
    </row>
    <row r="126" spans="2:12" ht="14.25" customHeight="1" x14ac:dyDescent="0.15">
      <c r="B126" s="155" t="s">
        <v>119</v>
      </c>
      <c r="C126" s="156"/>
      <c r="D126" s="20"/>
      <c r="E126" s="30" t="s">
        <v>13</v>
      </c>
      <c r="F126" s="31" t="s">
        <v>14</v>
      </c>
      <c r="G126" s="160" t="s">
        <v>120</v>
      </c>
      <c r="H126" s="160" t="s">
        <v>121</v>
      </c>
      <c r="I126" s="34" t="s">
        <v>15</v>
      </c>
      <c r="J126" s="31"/>
      <c r="K126" s="34" t="s">
        <v>16</v>
      </c>
      <c r="L126" s="26"/>
    </row>
    <row r="127" spans="2:12" ht="7.5" customHeight="1" x14ac:dyDescent="0.15">
      <c r="B127" s="161"/>
      <c r="C127" s="39"/>
      <c r="D127" s="40"/>
      <c r="E127" s="41"/>
      <c r="F127" s="42"/>
      <c r="G127" s="45"/>
      <c r="H127" s="45"/>
      <c r="I127" s="45"/>
      <c r="J127" s="42"/>
      <c r="K127" s="45"/>
      <c r="L127" s="46"/>
    </row>
    <row r="128" spans="2:12" ht="10.5" customHeight="1" x14ac:dyDescent="0.15">
      <c r="B128" s="162" t="s">
        <v>122</v>
      </c>
      <c r="C128" s="163"/>
      <c r="D128" s="13"/>
      <c r="E128" s="49"/>
      <c r="F128" s="15"/>
      <c r="G128" s="13"/>
      <c r="H128" s="13"/>
      <c r="I128" s="13"/>
      <c r="J128" s="15"/>
      <c r="L128" s="164"/>
    </row>
    <row r="129" spans="2:12" ht="14.25" customHeight="1" x14ac:dyDescent="0.15">
      <c r="B129" s="165"/>
      <c r="C129" s="166"/>
      <c r="D129" s="167" t="s">
        <v>123</v>
      </c>
      <c r="E129" s="55">
        <v>318</v>
      </c>
      <c r="F129" s="56">
        <v>387</v>
      </c>
      <c r="G129" s="57">
        <v>383</v>
      </c>
      <c r="H129" s="57">
        <v>7</v>
      </c>
      <c r="I129" s="57">
        <v>390</v>
      </c>
      <c r="J129" s="57">
        <v>3</v>
      </c>
      <c r="K129" s="58">
        <v>1.23</v>
      </c>
      <c r="L129" s="59">
        <v>1.22</v>
      </c>
    </row>
    <row r="130" spans="2:12" ht="14.25" customHeight="1" x14ac:dyDescent="0.15">
      <c r="B130" s="165"/>
      <c r="C130" s="166"/>
      <c r="D130" s="3" t="s">
        <v>124</v>
      </c>
      <c r="E130" s="55">
        <v>318</v>
      </c>
      <c r="F130" s="56">
        <v>416</v>
      </c>
      <c r="G130" s="57">
        <v>337</v>
      </c>
      <c r="H130" s="57">
        <v>76</v>
      </c>
      <c r="I130" s="57">
        <v>413</v>
      </c>
      <c r="J130" s="57">
        <v>-3</v>
      </c>
      <c r="K130" s="58">
        <v>1.3</v>
      </c>
      <c r="L130" s="59">
        <v>1.36</v>
      </c>
    </row>
    <row r="131" spans="2:12" ht="14.25" customHeight="1" x14ac:dyDescent="0.15">
      <c r="B131" s="165"/>
      <c r="C131" s="166"/>
      <c r="D131" s="168" t="s">
        <v>125</v>
      </c>
      <c r="E131" s="169">
        <v>636</v>
      </c>
      <c r="F131" s="170">
        <v>803</v>
      </c>
      <c r="G131" s="170">
        <v>720</v>
      </c>
      <c r="H131" s="170">
        <v>83</v>
      </c>
      <c r="I131" s="170">
        <v>803</v>
      </c>
      <c r="J131" s="171">
        <v>0</v>
      </c>
      <c r="K131" s="172">
        <v>1.26</v>
      </c>
      <c r="L131" s="173">
        <v>1.29</v>
      </c>
    </row>
    <row r="132" spans="2:12" ht="8.25" customHeight="1" x14ac:dyDescent="0.15">
      <c r="B132" s="174"/>
      <c r="C132" s="175"/>
      <c r="D132" s="63"/>
      <c r="E132" s="176"/>
      <c r="F132" s="3"/>
      <c r="G132" s="3"/>
      <c r="H132" s="3"/>
      <c r="I132" s="3"/>
      <c r="J132" s="3"/>
      <c r="L132" s="177"/>
    </row>
    <row r="133" spans="2:12" ht="7.5" customHeight="1" x14ac:dyDescent="0.15">
      <c r="B133" s="178" t="s">
        <v>126</v>
      </c>
      <c r="C133" s="179"/>
      <c r="D133" s="13"/>
      <c r="E133" s="49"/>
      <c r="F133" s="15"/>
      <c r="G133" s="13"/>
      <c r="H133" s="13"/>
      <c r="I133" s="13"/>
      <c r="J133" s="15"/>
      <c r="K133" s="50"/>
      <c r="L133" s="180"/>
    </row>
    <row r="134" spans="2:12" x14ac:dyDescent="0.15">
      <c r="B134" s="181"/>
      <c r="D134" s="3" t="s">
        <v>127</v>
      </c>
      <c r="E134" s="55">
        <v>198</v>
      </c>
      <c r="F134" s="56">
        <v>301</v>
      </c>
      <c r="G134" s="57">
        <v>251</v>
      </c>
      <c r="H134" s="57">
        <v>35</v>
      </c>
      <c r="I134" s="57">
        <v>286</v>
      </c>
      <c r="J134" s="57">
        <v>-15</v>
      </c>
      <c r="K134" s="58">
        <v>1.44</v>
      </c>
      <c r="L134" s="59">
        <v>1.55</v>
      </c>
    </row>
    <row r="135" spans="2:12" x14ac:dyDescent="0.15">
      <c r="B135" s="181"/>
      <c r="D135" s="3" t="s">
        <v>128</v>
      </c>
      <c r="E135" s="55">
        <v>278</v>
      </c>
      <c r="F135" s="56">
        <v>370</v>
      </c>
      <c r="G135" s="57">
        <v>336</v>
      </c>
      <c r="H135" s="57">
        <v>13</v>
      </c>
      <c r="I135" s="57">
        <v>349</v>
      </c>
      <c r="J135" s="57">
        <v>-21</v>
      </c>
      <c r="K135" s="58">
        <v>1.26</v>
      </c>
      <c r="L135" s="59">
        <v>1.24</v>
      </c>
    </row>
    <row r="136" spans="2:12" x14ac:dyDescent="0.15">
      <c r="B136" s="181"/>
      <c r="D136" s="3" t="s">
        <v>129</v>
      </c>
      <c r="E136" s="55">
        <v>118</v>
      </c>
      <c r="F136" s="56">
        <v>193</v>
      </c>
      <c r="G136" s="57">
        <v>162</v>
      </c>
      <c r="H136" s="57">
        <v>3</v>
      </c>
      <c r="I136" s="57">
        <v>165</v>
      </c>
      <c r="J136" s="57">
        <v>-28</v>
      </c>
      <c r="K136" s="58">
        <v>1.4</v>
      </c>
      <c r="L136" s="59">
        <v>1.25</v>
      </c>
    </row>
    <row r="137" spans="2:12" s="145" customFormat="1" x14ac:dyDescent="0.15">
      <c r="B137" s="181"/>
      <c r="C137" s="168"/>
      <c r="D137" s="168" t="s">
        <v>125</v>
      </c>
      <c r="E137" s="169">
        <v>594</v>
      </c>
      <c r="F137" s="170">
        <v>864</v>
      </c>
      <c r="G137" s="170">
        <v>749</v>
      </c>
      <c r="H137" s="170">
        <v>51</v>
      </c>
      <c r="I137" s="170">
        <v>800</v>
      </c>
      <c r="J137" s="171">
        <v>-64</v>
      </c>
      <c r="K137" s="172">
        <v>1.35</v>
      </c>
      <c r="L137" s="173">
        <v>1.34</v>
      </c>
    </row>
    <row r="138" spans="2:12" s="145" customFormat="1" ht="7.5" customHeight="1" x14ac:dyDescent="0.15">
      <c r="B138" s="182"/>
      <c r="C138" s="168"/>
      <c r="D138" s="168"/>
      <c r="E138" s="183"/>
      <c r="F138" s="184"/>
      <c r="G138" s="184"/>
      <c r="H138" s="184"/>
      <c r="I138" s="184"/>
      <c r="J138" s="185"/>
      <c r="K138" s="186"/>
      <c r="L138" s="187"/>
    </row>
    <row r="139" spans="2:12" ht="7.5" customHeight="1" x14ac:dyDescent="0.15">
      <c r="B139" s="131"/>
      <c r="C139" s="132"/>
      <c r="D139" s="133"/>
      <c r="E139" s="188"/>
      <c r="F139" s="133"/>
      <c r="G139" s="135"/>
      <c r="H139" s="189"/>
      <c r="I139" s="135"/>
      <c r="K139" s="135"/>
      <c r="L139" s="190"/>
    </row>
    <row r="140" spans="2:12" ht="14.25" customHeight="1" x14ac:dyDescent="0.15">
      <c r="B140" s="139"/>
      <c r="C140" s="191" t="s">
        <v>130</v>
      </c>
      <c r="D140" s="192"/>
      <c r="E140" s="142">
        <v>1230</v>
      </c>
      <c r="F140" s="193">
        <v>1667</v>
      </c>
      <c r="G140" s="193" t="s">
        <v>131</v>
      </c>
      <c r="H140" s="194" t="s">
        <v>131</v>
      </c>
      <c r="I140" s="193">
        <v>1603</v>
      </c>
      <c r="J140" s="195">
        <v>-64</v>
      </c>
      <c r="K140" s="186">
        <v>1.3</v>
      </c>
      <c r="L140" s="196">
        <v>1.31</v>
      </c>
    </row>
    <row r="141" spans="2:12" ht="6" customHeight="1" x14ac:dyDescent="0.15">
      <c r="B141" s="161"/>
      <c r="C141" s="91"/>
      <c r="D141" s="20"/>
      <c r="E141" s="197"/>
      <c r="F141" s="3"/>
      <c r="G141" s="20"/>
      <c r="H141" s="20"/>
      <c r="I141" s="20"/>
      <c r="J141" s="3"/>
      <c r="K141" s="20"/>
      <c r="L141" s="198"/>
    </row>
    <row r="142" spans="2:12" ht="7.5" customHeight="1" x14ac:dyDescent="0.15">
      <c r="B142" s="199"/>
      <c r="C142" s="12"/>
      <c r="D142" s="13"/>
      <c r="E142" s="200"/>
      <c r="F142" s="15"/>
      <c r="G142" s="13"/>
      <c r="H142" s="13"/>
      <c r="I142" s="13"/>
      <c r="J142" s="201"/>
      <c r="K142" s="50"/>
      <c r="L142" s="202"/>
    </row>
    <row r="143" spans="2:12" x14ac:dyDescent="0.15">
      <c r="B143" s="139"/>
      <c r="C143" s="168"/>
      <c r="D143" s="168" t="s">
        <v>132</v>
      </c>
      <c r="E143" s="142">
        <v>27275</v>
      </c>
      <c r="F143" s="184">
        <v>31798</v>
      </c>
      <c r="G143" s="193" t="s">
        <v>131</v>
      </c>
      <c r="H143" s="194" t="s">
        <v>131</v>
      </c>
      <c r="I143" s="184">
        <v>31725</v>
      </c>
      <c r="J143" s="203">
        <v>-73</v>
      </c>
      <c r="K143" s="147">
        <v>1.1599999999999999</v>
      </c>
      <c r="L143" s="148">
        <v>1.22</v>
      </c>
    </row>
    <row r="144" spans="2:12" ht="7.5" customHeight="1" x14ac:dyDescent="0.15">
      <c r="B144" s="161"/>
      <c r="C144" s="204"/>
      <c r="D144" s="40"/>
      <c r="E144" s="116"/>
      <c r="F144" s="205"/>
      <c r="G144" s="40"/>
      <c r="H144" s="40"/>
      <c r="I144" s="40"/>
      <c r="J144" s="205"/>
      <c r="K144" s="44"/>
      <c r="L144" s="206"/>
    </row>
    <row r="145" spans="2:12" ht="9" customHeight="1" x14ac:dyDescent="0.15">
      <c r="B145" s="207"/>
      <c r="C145" s="3"/>
      <c r="E145" s="3"/>
      <c r="L145" s="208"/>
    </row>
    <row r="146" spans="2:12" ht="9" customHeight="1" x14ac:dyDescent="0.15"/>
    <row r="147" spans="2:12" x14ac:dyDescent="0.15">
      <c r="B147" s="93" t="s">
        <v>133</v>
      </c>
      <c r="C147" s="93"/>
      <c r="D147" s="93"/>
      <c r="E147" s="56"/>
      <c r="F147" s="56"/>
      <c r="G147" s="56"/>
      <c r="H147" s="56"/>
      <c r="I147" s="56"/>
      <c r="J147" s="93"/>
      <c r="K147" s="93"/>
      <c r="L147" s="209"/>
    </row>
    <row r="148" spans="2:12" x14ac:dyDescent="0.15">
      <c r="B148" s="210"/>
      <c r="C148" s="99"/>
      <c r="D148" s="99"/>
      <c r="E148" s="211"/>
      <c r="F148" s="211"/>
      <c r="G148" s="211"/>
      <c r="H148" s="211"/>
      <c r="I148" s="211"/>
      <c r="J148" s="99"/>
      <c r="K148" s="99"/>
      <c r="L148" s="212"/>
    </row>
    <row r="149" spans="2:12" x14ac:dyDescent="0.15">
      <c r="B149" s="213"/>
      <c r="C149" s="93"/>
      <c r="D149" s="93"/>
      <c r="E149" s="21"/>
      <c r="F149" s="22" t="s">
        <v>115</v>
      </c>
      <c r="G149" s="23" t="s">
        <v>5</v>
      </c>
      <c r="H149" s="24"/>
      <c r="I149" s="24"/>
      <c r="J149" s="25"/>
      <c r="K149" s="22" t="s">
        <v>5</v>
      </c>
      <c r="L149" s="26" t="s">
        <v>6</v>
      </c>
    </row>
    <row r="150" spans="2:12" ht="14.25" customHeight="1" x14ac:dyDescent="0.15">
      <c r="B150" s="215" t="s">
        <v>7</v>
      </c>
      <c r="C150" s="216"/>
      <c r="D150" s="217"/>
      <c r="E150" s="30" t="s">
        <v>8</v>
      </c>
      <c r="F150" s="31" t="s">
        <v>9</v>
      </c>
      <c r="G150" s="32" t="s">
        <v>9</v>
      </c>
      <c r="H150" s="32"/>
      <c r="I150" s="32"/>
      <c r="J150" s="33" t="s">
        <v>10</v>
      </c>
      <c r="K150" s="34" t="s">
        <v>11</v>
      </c>
      <c r="L150" s="26"/>
    </row>
    <row r="151" spans="2:12" x14ac:dyDescent="0.15">
      <c r="B151" s="213"/>
      <c r="C151" s="94"/>
      <c r="D151" s="94"/>
      <c r="E151" s="30" t="s">
        <v>13</v>
      </c>
      <c r="F151" s="31" t="s">
        <v>14</v>
      </c>
      <c r="G151" s="35" t="s">
        <v>15</v>
      </c>
      <c r="H151" s="36"/>
      <c r="I151" s="37"/>
      <c r="J151" s="31"/>
      <c r="K151" s="34" t="s">
        <v>16</v>
      </c>
      <c r="L151" s="26"/>
    </row>
    <row r="152" spans="2:12" x14ac:dyDescent="0.15">
      <c r="B152" s="218"/>
      <c r="C152" s="85"/>
      <c r="D152" s="85"/>
      <c r="E152" s="41"/>
      <c r="F152" s="219"/>
      <c r="G152" s="43"/>
      <c r="H152" s="40"/>
      <c r="I152" s="44"/>
      <c r="J152" s="45"/>
      <c r="K152" s="220"/>
      <c r="L152" s="46"/>
    </row>
    <row r="153" spans="2:12" ht="6" customHeight="1" x14ac:dyDescent="0.15">
      <c r="B153" s="210"/>
      <c r="C153" s="99"/>
      <c r="D153" s="99"/>
      <c r="E153" s="221"/>
      <c r="F153" s="211"/>
      <c r="G153" s="211"/>
      <c r="H153" s="211"/>
      <c r="I153" s="211"/>
      <c r="J153" s="99"/>
      <c r="K153" s="222"/>
      <c r="L153" s="223"/>
    </row>
    <row r="154" spans="2:12" ht="14.25" customHeight="1" x14ac:dyDescent="0.15">
      <c r="B154" s="215" t="s">
        <v>134</v>
      </c>
      <c r="C154" s="216"/>
      <c r="D154" s="217"/>
      <c r="E154" s="55">
        <v>238</v>
      </c>
      <c r="F154" s="56">
        <v>112</v>
      </c>
      <c r="G154" s="56"/>
      <c r="H154" s="56"/>
      <c r="I154" s="56">
        <v>113</v>
      </c>
      <c r="J154" s="224">
        <v>1</v>
      </c>
      <c r="K154" s="225">
        <v>0.47</v>
      </c>
      <c r="L154" s="59">
        <v>0.83</v>
      </c>
    </row>
    <row r="155" spans="2:12" ht="14.25" customHeight="1" x14ac:dyDescent="0.15">
      <c r="B155" s="215" t="s">
        <v>135</v>
      </c>
      <c r="C155" s="216"/>
      <c r="D155" s="217"/>
      <c r="E155" s="55">
        <v>118</v>
      </c>
      <c r="F155" s="56">
        <v>118</v>
      </c>
      <c r="G155" s="56"/>
      <c r="H155" s="56"/>
      <c r="I155" s="56">
        <v>115</v>
      </c>
      <c r="J155" s="224">
        <v>-3</v>
      </c>
      <c r="K155" s="225">
        <v>0.97</v>
      </c>
      <c r="L155" s="59">
        <v>1.1399999999999999</v>
      </c>
    </row>
    <row r="156" spans="2:12" ht="14.25" customHeight="1" x14ac:dyDescent="0.15">
      <c r="B156" s="226" t="s">
        <v>136</v>
      </c>
      <c r="C156" s="227"/>
      <c r="D156" s="228"/>
      <c r="E156" s="229">
        <v>78</v>
      </c>
      <c r="F156" s="209">
        <v>75</v>
      </c>
      <c r="G156" s="209"/>
      <c r="H156" s="209"/>
      <c r="I156" s="209">
        <v>73</v>
      </c>
      <c r="J156" s="230">
        <v>-2</v>
      </c>
      <c r="K156" s="231">
        <v>0.94</v>
      </c>
      <c r="L156" s="232">
        <v>0.76</v>
      </c>
    </row>
    <row r="157" spans="2:12" ht="14.25" customHeight="1" x14ac:dyDescent="0.15">
      <c r="B157" s="226" t="s">
        <v>137</v>
      </c>
      <c r="C157" s="227"/>
      <c r="D157" s="233"/>
      <c r="E157" s="229">
        <v>238</v>
      </c>
      <c r="F157" s="209">
        <v>225</v>
      </c>
      <c r="G157" s="209"/>
      <c r="H157" s="209"/>
      <c r="I157" s="209">
        <v>224</v>
      </c>
      <c r="J157" s="230">
        <v>-1</v>
      </c>
      <c r="K157" s="231">
        <v>0.94</v>
      </c>
      <c r="L157" s="232">
        <v>1.01</v>
      </c>
    </row>
    <row r="158" spans="2:12" ht="6" customHeight="1" x14ac:dyDescent="0.15">
      <c r="B158" s="234"/>
      <c r="C158" s="235"/>
      <c r="D158" s="235"/>
      <c r="E158" s="236"/>
      <c r="F158" s="209"/>
      <c r="G158" s="209"/>
      <c r="H158" s="209"/>
      <c r="I158" s="209"/>
      <c r="J158" s="209"/>
      <c r="K158" s="237"/>
      <c r="L158" s="238"/>
    </row>
    <row r="159" spans="2:12" ht="5.25" customHeight="1" x14ac:dyDescent="0.15">
      <c r="B159" s="240"/>
      <c r="C159" s="241"/>
      <c r="D159" s="241"/>
      <c r="E159" s="242"/>
      <c r="F159" s="243"/>
      <c r="G159" s="243"/>
      <c r="H159" s="243"/>
      <c r="I159" s="243"/>
      <c r="J159" s="243"/>
      <c r="K159" s="231"/>
      <c r="L159" s="244"/>
    </row>
    <row r="160" spans="2:12" x14ac:dyDescent="0.15">
      <c r="B160" s="234"/>
      <c r="C160" s="245" t="s">
        <v>138</v>
      </c>
      <c r="D160" s="246"/>
      <c r="E160" s="247">
        <v>672</v>
      </c>
      <c r="F160" s="248">
        <v>530</v>
      </c>
      <c r="G160" s="248"/>
      <c r="H160" s="248"/>
      <c r="I160" s="248">
        <v>525</v>
      </c>
      <c r="J160" s="249">
        <v>-5</v>
      </c>
      <c r="K160" s="250">
        <v>0.78</v>
      </c>
      <c r="L160" s="251">
        <v>0.88</v>
      </c>
    </row>
    <row r="161" spans="2:12" ht="6.75" customHeight="1" x14ac:dyDescent="0.15">
      <c r="B161" s="252"/>
      <c r="C161" s="253"/>
      <c r="D161" s="253"/>
      <c r="E161" s="254"/>
      <c r="F161" s="255"/>
      <c r="G161" s="255"/>
      <c r="H161" s="255"/>
      <c r="I161" s="255"/>
      <c r="J161" s="253"/>
      <c r="K161" s="256"/>
      <c r="L161" s="257"/>
    </row>
    <row r="162" spans="2:12" x14ac:dyDescent="0.15">
      <c r="B162" s="259" t="s">
        <v>139</v>
      </c>
      <c r="C162" s="259"/>
      <c r="D162" s="259"/>
      <c r="E162" s="259"/>
      <c r="F162" s="259"/>
      <c r="G162" s="259"/>
      <c r="H162" s="259"/>
      <c r="I162" s="259"/>
      <c r="J162" s="259"/>
      <c r="K162" s="259"/>
      <c r="L162" s="259"/>
    </row>
  </sheetData>
  <mergeCells count="22">
    <mergeCell ref="L149:L151"/>
    <mergeCell ref="B150:D150"/>
    <mergeCell ref="B154:D154"/>
    <mergeCell ref="B155:D155"/>
    <mergeCell ref="B162:L162"/>
    <mergeCell ref="B109:L109"/>
    <mergeCell ref="B110:B119"/>
    <mergeCell ref="L124:L126"/>
    <mergeCell ref="B128:B132"/>
    <mergeCell ref="B133:B138"/>
    <mergeCell ref="C140:D140"/>
    <mergeCell ref="B46:B56"/>
    <mergeCell ref="B58:B64"/>
    <mergeCell ref="B65:B77"/>
    <mergeCell ref="B78:B87"/>
    <mergeCell ref="B88:B93"/>
    <mergeCell ref="B94:B108"/>
    <mergeCell ref="A2:K2"/>
    <mergeCell ref="L7:L9"/>
    <mergeCell ref="B11:B25"/>
    <mergeCell ref="B26:B38"/>
    <mergeCell ref="B39:B45"/>
  </mergeCells>
  <phoneticPr fontId="3"/>
  <pageMargins left="0.78740157480314965" right="0.78740157480314965" top="0.78740157480314965" bottom="0.78740157480314965" header="0.51181102362204722" footer="0.39370078740157483"/>
  <pageSetup paperSize="9" scale="86" fitToHeight="0" orientation="portrait" useFirstPageNumber="1" r:id="rId1"/>
  <headerFooter alignWithMargins="0">
    <oddFooter>&amp;C&amp;"ＭＳ ゴシック,標準"&amp;P</oddFooter>
  </headerFooter>
  <rowBreaks count="2" manualBreakCount="2">
    <brk id="57" max="11" man="1"/>
    <brk id="109" max="11"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747428-DD37-4DFC-974D-6C3DFAC49AEC}">
  <dimension ref="B1:L209"/>
  <sheetViews>
    <sheetView view="pageBreakPreview" zoomScale="85" zoomScaleNormal="85" zoomScaleSheetLayoutView="85" workbookViewId="0"/>
  </sheetViews>
  <sheetFormatPr defaultColWidth="9" defaultRowHeight="13.5" x14ac:dyDescent="0.15"/>
  <cols>
    <col min="1" max="2" width="1.5" style="93" customWidth="1"/>
    <col min="3" max="3" width="20.125" style="93" customWidth="1"/>
    <col min="4" max="4" width="13.375" style="93" customWidth="1"/>
    <col min="5" max="5" width="10.5" style="56" bestFit="1" customWidth="1"/>
    <col min="6" max="6" width="9.25" style="56" customWidth="1"/>
    <col min="7" max="8" width="5.125" style="56" customWidth="1"/>
    <col min="9" max="9" width="6.875" style="56" customWidth="1"/>
    <col min="10" max="10" width="8.375" style="56" customWidth="1"/>
    <col min="11" max="11" width="8.125" style="56" customWidth="1"/>
    <col min="12" max="12" width="6.875" style="230" customWidth="1"/>
    <col min="13" max="16384" width="9" style="93"/>
  </cols>
  <sheetData>
    <row r="1" spans="2:12" ht="14.25" customHeight="1" x14ac:dyDescent="0.15"/>
    <row r="2" spans="2:12" ht="7.5" customHeight="1" x14ac:dyDescent="0.15"/>
    <row r="3" spans="2:12" x14ac:dyDescent="0.15">
      <c r="B3" s="93" t="s">
        <v>140</v>
      </c>
    </row>
    <row r="4" spans="2:12" ht="7.5" customHeight="1" x14ac:dyDescent="0.15">
      <c r="B4" s="210"/>
      <c r="C4" s="99"/>
      <c r="D4" s="99"/>
      <c r="E4" s="14"/>
      <c r="F4" s="15"/>
      <c r="G4" s="15"/>
      <c r="H4" s="15"/>
      <c r="I4" s="15"/>
      <c r="J4" s="15"/>
      <c r="K4" s="15"/>
      <c r="L4" s="16"/>
    </row>
    <row r="5" spans="2:12" ht="14.25" customHeight="1" x14ac:dyDescent="0.15">
      <c r="B5" s="213"/>
      <c r="E5" s="21"/>
      <c r="F5" s="22" t="s">
        <v>4</v>
      </c>
      <c r="G5" s="23" t="s">
        <v>5</v>
      </c>
      <c r="H5" s="24"/>
      <c r="I5" s="24"/>
      <c r="J5" s="25"/>
      <c r="K5" s="23" t="s">
        <v>5</v>
      </c>
      <c r="L5" s="26" t="s">
        <v>6</v>
      </c>
    </row>
    <row r="6" spans="2:12" ht="14.25" customHeight="1" x14ac:dyDescent="0.15">
      <c r="B6" s="213"/>
      <c r="C6" s="93" t="s">
        <v>7</v>
      </c>
      <c r="D6" s="93" t="s">
        <v>141</v>
      </c>
      <c r="E6" s="30" t="s">
        <v>8</v>
      </c>
      <c r="F6" s="31" t="s">
        <v>9</v>
      </c>
      <c r="G6" s="32" t="s">
        <v>9</v>
      </c>
      <c r="H6" s="32"/>
      <c r="I6" s="32"/>
      <c r="J6" s="33" t="s">
        <v>10</v>
      </c>
      <c r="K6" s="34" t="s">
        <v>11</v>
      </c>
      <c r="L6" s="26"/>
    </row>
    <row r="7" spans="2:12" ht="14.25" customHeight="1" x14ac:dyDescent="0.15">
      <c r="B7" s="213"/>
      <c r="C7" s="94"/>
      <c r="D7" s="94"/>
      <c r="E7" s="30" t="s">
        <v>13</v>
      </c>
      <c r="F7" s="31" t="s">
        <v>14</v>
      </c>
      <c r="G7" s="35" t="s">
        <v>15</v>
      </c>
      <c r="H7" s="36"/>
      <c r="I7" s="37"/>
      <c r="J7" s="31"/>
      <c r="K7" s="34" t="s">
        <v>16</v>
      </c>
      <c r="L7" s="26"/>
    </row>
    <row r="8" spans="2:12" ht="7.5" customHeight="1" x14ac:dyDescent="0.15">
      <c r="B8" s="218"/>
      <c r="C8" s="86"/>
      <c r="D8" s="88"/>
      <c r="E8" s="41"/>
      <c r="F8" s="219"/>
      <c r="G8" s="43"/>
      <c r="H8" s="40"/>
      <c r="I8" s="44"/>
      <c r="J8" s="45"/>
      <c r="K8" s="220"/>
      <c r="L8" s="46"/>
    </row>
    <row r="9" spans="2:12" ht="7.5" customHeight="1" x14ac:dyDescent="0.15">
      <c r="B9" s="213"/>
      <c r="C9" s="94"/>
      <c r="D9" s="94"/>
      <c r="E9" s="49"/>
      <c r="F9" s="3"/>
      <c r="G9" s="3"/>
      <c r="H9" s="3"/>
      <c r="I9" s="3"/>
      <c r="J9" s="3"/>
      <c r="K9" s="3"/>
      <c r="L9" s="260"/>
    </row>
    <row r="10" spans="2:12" ht="14.25" customHeight="1" x14ac:dyDescent="0.15">
      <c r="B10" s="213"/>
      <c r="C10" s="93" t="s">
        <v>142</v>
      </c>
      <c r="D10" s="93" t="s">
        <v>143</v>
      </c>
      <c r="E10" s="261">
        <v>38</v>
      </c>
      <c r="F10" s="56">
        <v>48</v>
      </c>
      <c r="G10" s="262"/>
      <c r="H10" s="262"/>
      <c r="I10" s="263">
        <v>38</v>
      </c>
      <c r="J10" s="262">
        <v>-10</v>
      </c>
      <c r="K10" s="264">
        <v>1</v>
      </c>
      <c r="L10" s="265">
        <v>1.1000000000000001</v>
      </c>
    </row>
    <row r="11" spans="2:12" ht="14.25" customHeight="1" x14ac:dyDescent="0.15">
      <c r="B11" s="213"/>
      <c r="C11" s="93" t="s">
        <v>144</v>
      </c>
      <c r="D11" s="93" t="s">
        <v>145</v>
      </c>
      <c r="E11" s="261">
        <v>38</v>
      </c>
      <c r="F11" s="56">
        <v>39</v>
      </c>
      <c r="G11" s="262"/>
      <c r="H11" s="262"/>
      <c r="I11" s="263">
        <v>44</v>
      </c>
      <c r="J11" s="262">
        <v>5</v>
      </c>
      <c r="K11" s="264">
        <v>1.1599999999999999</v>
      </c>
      <c r="L11" s="265">
        <v>0.97</v>
      </c>
    </row>
    <row r="12" spans="2:12" ht="14.25" customHeight="1" x14ac:dyDescent="0.15">
      <c r="B12" s="213"/>
      <c r="C12" s="93" t="s">
        <v>146</v>
      </c>
      <c r="D12" s="93" t="s">
        <v>147</v>
      </c>
      <c r="E12" s="261">
        <v>38</v>
      </c>
      <c r="F12" s="56">
        <v>45</v>
      </c>
      <c r="G12" s="262"/>
      <c r="H12" s="262"/>
      <c r="I12" s="263">
        <v>46</v>
      </c>
      <c r="J12" s="262">
        <v>1</v>
      </c>
      <c r="K12" s="264">
        <v>1.21</v>
      </c>
      <c r="L12" s="265">
        <v>1.21</v>
      </c>
    </row>
    <row r="13" spans="2:12" ht="14.25" customHeight="1" x14ac:dyDescent="0.15">
      <c r="B13" s="213"/>
      <c r="C13" s="93" t="s">
        <v>146</v>
      </c>
      <c r="D13" s="93" t="s">
        <v>148</v>
      </c>
      <c r="E13" s="261">
        <v>38</v>
      </c>
      <c r="F13" s="56">
        <v>53</v>
      </c>
      <c r="G13" s="262"/>
      <c r="H13" s="262"/>
      <c r="I13" s="263">
        <v>40</v>
      </c>
      <c r="J13" s="262">
        <v>-13</v>
      </c>
      <c r="K13" s="264">
        <v>1.05</v>
      </c>
      <c r="L13" s="265">
        <v>1.05</v>
      </c>
    </row>
    <row r="14" spans="2:12" ht="14.25" customHeight="1" x14ac:dyDescent="0.15">
      <c r="B14" s="213"/>
      <c r="D14" s="266" t="s">
        <v>149</v>
      </c>
      <c r="E14" s="267">
        <v>152</v>
      </c>
      <c r="F14" s="268">
        <v>185</v>
      </c>
      <c r="G14" s="268"/>
      <c r="H14" s="268"/>
      <c r="I14" s="268">
        <v>168</v>
      </c>
      <c r="J14" s="268">
        <v>-17</v>
      </c>
      <c r="K14" s="172">
        <v>1.1100000000000001</v>
      </c>
      <c r="L14" s="269">
        <v>1.08</v>
      </c>
    </row>
    <row r="15" spans="2:12" ht="21.75" customHeight="1" x14ac:dyDescent="0.15">
      <c r="B15" s="213"/>
      <c r="C15" s="93" t="s">
        <v>150</v>
      </c>
      <c r="D15" s="93" t="s">
        <v>151</v>
      </c>
      <c r="E15" s="261">
        <v>38</v>
      </c>
      <c r="F15" s="56">
        <v>59</v>
      </c>
      <c r="G15" s="262"/>
      <c r="H15" s="262"/>
      <c r="I15" s="263">
        <v>51</v>
      </c>
      <c r="J15" s="262">
        <v>-8</v>
      </c>
      <c r="K15" s="264">
        <v>1.34</v>
      </c>
      <c r="L15" s="265">
        <v>0.82</v>
      </c>
    </row>
    <row r="16" spans="2:12" ht="14.25" customHeight="1" x14ac:dyDescent="0.15">
      <c r="B16" s="213"/>
      <c r="C16" s="93" t="s">
        <v>146</v>
      </c>
      <c r="D16" s="93" t="s">
        <v>152</v>
      </c>
      <c r="E16" s="261">
        <v>38</v>
      </c>
      <c r="F16" s="56">
        <v>42</v>
      </c>
      <c r="G16" s="262"/>
      <c r="H16" s="262"/>
      <c r="I16" s="263">
        <v>41</v>
      </c>
      <c r="J16" s="262">
        <v>-1</v>
      </c>
      <c r="K16" s="264">
        <v>1.08</v>
      </c>
      <c r="L16" s="265">
        <v>1.28</v>
      </c>
    </row>
    <row r="17" spans="2:12" ht="14.25" customHeight="1" x14ac:dyDescent="0.15">
      <c r="B17" s="213"/>
      <c r="C17" s="93" t="s">
        <v>146</v>
      </c>
      <c r="D17" s="93" t="s">
        <v>153</v>
      </c>
      <c r="E17" s="261">
        <v>38</v>
      </c>
      <c r="F17" s="56">
        <v>47</v>
      </c>
      <c r="G17" s="262"/>
      <c r="H17" s="262"/>
      <c r="I17" s="263">
        <v>46</v>
      </c>
      <c r="J17" s="262">
        <v>-1</v>
      </c>
      <c r="K17" s="264">
        <v>1.21</v>
      </c>
      <c r="L17" s="265">
        <v>0.92</v>
      </c>
    </row>
    <row r="18" spans="2:12" ht="14.25" customHeight="1" x14ac:dyDescent="0.15">
      <c r="B18" s="213"/>
      <c r="D18" s="266" t="s">
        <v>149</v>
      </c>
      <c r="E18" s="267">
        <v>114</v>
      </c>
      <c r="F18" s="268">
        <v>148</v>
      </c>
      <c r="G18" s="268"/>
      <c r="H18" s="268"/>
      <c r="I18" s="268">
        <v>138</v>
      </c>
      <c r="J18" s="268">
        <v>-10</v>
      </c>
      <c r="K18" s="172">
        <v>1.21</v>
      </c>
      <c r="L18" s="269">
        <v>1.01</v>
      </c>
    </row>
    <row r="19" spans="2:12" ht="21.75" customHeight="1" x14ac:dyDescent="0.15">
      <c r="B19" s="213"/>
      <c r="C19" s="93" t="s">
        <v>154</v>
      </c>
      <c r="D19" s="93" t="s">
        <v>155</v>
      </c>
      <c r="E19" s="261">
        <v>78</v>
      </c>
      <c r="F19" s="56">
        <v>69</v>
      </c>
      <c r="G19" s="262"/>
      <c r="H19" s="262"/>
      <c r="I19" s="263">
        <v>72</v>
      </c>
      <c r="J19" s="262">
        <v>3</v>
      </c>
      <c r="K19" s="264">
        <v>0.92</v>
      </c>
      <c r="L19" s="265">
        <v>1.06</v>
      </c>
    </row>
    <row r="20" spans="2:12" ht="14.25" customHeight="1" x14ac:dyDescent="0.15">
      <c r="B20" s="213"/>
      <c r="C20" s="93" t="s">
        <v>146</v>
      </c>
      <c r="D20" s="93" t="s">
        <v>151</v>
      </c>
      <c r="E20" s="261">
        <v>38</v>
      </c>
      <c r="F20" s="56">
        <v>42</v>
      </c>
      <c r="G20" s="262"/>
      <c r="H20" s="262"/>
      <c r="I20" s="263">
        <v>40</v>
      </c>
      <c r="J20" s="262">
        <v>-2</v>
      </c>
      <c r="K20" s="264">
        <v>1.05</v>
      </c>
      <c r="L20" s="265">
        <v>1.28</v>
      </c>
    </row>
    <row r="21" spans="2:12" ht="14.25" customHeight="1" x14ac:dyDescent="0.15">
      <c r="B21" s="213"/>
      <c r="C21" s="93" t="s">
        <v>146</v>
      </c>
      <c r="D21" s="93" t="s">
        <v>148</v>
      </c>
      <c r="E21" s="261">
        <v>78</v>
      </c>
      <c r="F21" s="56">
        <v>67</v>
      </c>
      <c r="G21" s="262"/>
      <c r="H21" s="262"/>
      <c r="I21" s="263">
        <v>70</v>
      </c>
      <c r="J21" s="262">
        <v>3</v>
      </c>
      <c r="K21" s="264">
        <v>0.9</v>
      </c>
      <c r="L21" s="265">
        <v>1.1000000000000001</v>
      </c>
    </row>
    <row r="22" spans="2:12" ht="14.25" customHeight="1" x14ac:dyDescent="0.15">
      <c r="B22" s="213"/>
      <c r="D22" s="266" t="s">
        <v>149</v>
      </c>
      <c r="E22" s="267">
        <v>194</v>
      </c>
      <c r="F22" s="268">
        <v>178</v>
      </c>
      <c r="G22" s="268"/>
      <c r="H22" s="268"/>
      <c r="I22" s="268">
        <v>182</v>
      </c>
      <c r="J22" s="268">
        <v>4</v>
      </c>
      <c r="K22" s="172">
        <v>0.94</v>
      </c>
      <c r="L22" s="269">
        <v>1.1200000000000001</v>
      </c>
    </row>
    <row r="23" spans="2:12" ht="7.5" customHeight="1" x14ac:dyDescent="0.15">
      <c r="B23" s="270"/>
      <c r="C23" s="65"/>
      <c r="D23" s="65"/>
      <c r="E23" s="271"/>
      <c r="F23" s="109"/>
      <c r="G23" s="109"/>
      <c r="H23" s="109"/>
      <c r="I23" s="109"/>
      <c r="J23" s="109"/>
      <c r="K23" s="109"/>
      <c r="L23" s="272"/>
    </row>
    <row r="24" spans="2:12" ht="7.5" customHeight="1" x14ac:dyDescent="0.15">
      <c r="B24" s="213"/>
      <c r="E24" s="261"/>
      <c r="L24" s="274"/>
    </row>
    <row r="25" spans="2:12" ht="14.25" customHeight="1" x14ac:dyDescent="0.15">
      <c r="B25" s="213"/>
      <c r="C25" s="275" t="s">
        <v>138</v>
      </c>
      <c r="D25" s="276"/>
      <c r="E25" s="267">
        <v>460</v>
      </c>
      <c r="F25" s="268">
        <v>511</v>
      </c>
      <c r="G25" s="268"/>
      <c r="H25" s="268"/>
      <c r="I25" s="268">
        <v>488</v>
      </c>
      <c r="J25" s="268">
        <v>-23</v>
      </c>
      <c r="K25" s="172">
        <v>1.06</v>
      </c>
      <c r="L25" s="269">
        <v>1.08</v>
      </c>
    </row>
    <row r="26" spans="2:12" ht="7.5" customHeight="1" x14ac:dyDescent="0.15">
      <c r="B26" s="218"/>
      <c r="C26" s="85"/>
      <c r="D26" s="85"/>
      <c r="E26" s="277"/>
      <c r="F26" s="85"/>
      <c r="G26" s="85"/>
      <c r="H26" s="85"/>
      <c r="I26" s="85"/>
      <c r="J26" s="85"/>
      <c r="K26" s="85"/>
      <c r="L26" s="278"/>
    </row>
    <row r="27" spans="2:12" s="9" customFormat="1" ht="6" customHeight="1" x14ac:dyDescent="0.15">
      <c r="B27" s="279"/>
      <c r="F27" s="273"/>
      <c r="G27" s="273"/>
      <c r="H27" s="273"/>
      <c r="L27" s="227"/>
    </row>
    <row r="28" spans="2:12" s="9" customFormat="1" ht="6" customHeight="1" x14ac:dyDescent="0.15">
      <c r="B28" s="279"/>
      <c r="F28" s="273"/>
      <c r="G28" s="273"/>
      <c r="H28" s="273"/>
      <c r="L28" s="227"/>
    </row>
    <row r="29" spans="2:12" ht="6" customHeight="1" x14ac:dyDescent="0.15">
      <c r="B29" s="280"/>
      <c r="E29" s="93"/>
      <c r="F29" s="93"/>
      <c r="G29" s="93"/>
      <c r="H29" s="93"/>
      <c r="I29" s="93"/>
      <c r="J29" s="93"/>
      <c r="K29" s="93"/>
      <c r="L29" s="235"/>
    </row>
    <row r="30" spans="2:12" ht="7.5" customHeight="1" x14ac:dyDescent="0.15">
      <c r="C30" s="281"/>
      <c r="D30" s="281"/>
      <c r="L30" s="209"/>
    </row>
    <row r="31" spans="2:12" ht="14.25" customHeight="1" x14ac:dyDescent="0.15">
      <c r="B31" s="93" t="s">
        <v>156</v>
      </c>
    </row>
    <row r="32" spans="2:12" ht="7.5" customHeight="1" x14ac:dyDescent="0.15">
      <c r="B32" s="210"/>
      <c r="C32" s="99"/>
      <c r="D32" s="99"/>
      <c r="E32" s="14"/>
      <c r="F32" s="15"/>
      <c r="G32" s="15"/>
      <c r="H32" s="15"/>
      <c r="I32" s="15"/>
      <c r="J32" s="15"/>
      <c r="K32" s="15"/>
      <c r="L32" s="16"/>
    </row>
    <row r="33" spans="2:12" ht="14.25" customHeight="1" x14ac:dyDescent="0.15">
      <c r="B33" s="213"/>
      <c r="E33" s="21"/>
      <c r="F33" s="22" t="s">
        <v>115</v>
      </c>
      <c r="G33" s="23" t="s">
        <v>5</v>
      </c>
      <c r="H33" s="24"/>
      <c r="I33" s="24"/>
      <c r="J33" s="25"/>
      <c r="K33" s="23" t="s">
        <v>5</v>
      </c>
      <c r="L33" s="26" t="s">
        <v>6</v>
      </c>
    </row>
    <row r="34" spans="2:12" ht="14.25" customHeight="1" x14ac:dyDescent="0.15">
      <c r="B34" s="213"/>
      <c r="C34" s="93" t="s">
        <v>7</v>
      </c>
      <c r="D34" s="93" t="s">
        <v>141</v>
      </c>
      <c r="E34" s="30" t="s">
        <v>8</v>
      </c>
      <c r="F34" s="31" t="s">
        <v>9</v>
      </c>
      <c r="G34" s="32" t="s">
        <v>9</v>
      </c>
      <c r="H34" s="32"/>
      <c r="I34" s="32"/>
      <c r="J34" s="33" t="s">
        <v>10</v>
      </c>
      <c r="K34" s="34" t="s">
        <v>11</v>
      </c>
      <c r="L34" s="26"/>
    </row>
    <row r="35" spans="2:12" ht="14.25" customHeight="1" x14ac:dyDescent="0.15">
      <c r="B35" s="213"/>
      <c r="C35" s="94"/>
      <c r="D35" s="94"/>
      <c r="E35" s="30" t="s">
        <v>13</v>
      </c>
      <c r="F35" s="31" t="s">
        <v>14</v>
      </c>
      <c r="G35" s="35" t="s">
        <v>15</v>
      </c>
      <c r="H35" s="36"/>
      <c r="I35" s="37"/>
      <c r="J35" s="31"/>
      <c r="K35" s="34" t="s">
        <v>16</v>
      </c>
      <c r="L35" s="26"/>
    </row>
    <row r="36" spans="2:12" ht="7.5" customHeight="1" x14ac:dyDescent="0.15">
      <c r="B36" s="218"/>
      <c r="C36" s="86"/>
      <c r="D36" s="88"/>
      <c r="E36" s="41"/>
      <c r="F36" s="239"/>
      <c r="G36" s="43"/>
      <c r="H36" s="40"/>
      <c r="I36" s="44"/>
      <c r="J36" s="239"/>
      <c r="K36" s="239"/>
      <c r="L36" s="46"/>
    </row>
    <row r="37" spans="2:12" ht="7.5" customHeight="1" x14ac:dyDescent="0.15">
      <c r="B37" s="210"/>
      <c r="C37" s="94"/>
      <c r="D37" s="94"/>
      <c r="E37" s="49"/>
      <c r="F37" s="3"/>
      <c r="G37" s="3"/>
      <c r="H37" s="3"/>
      <c r="I37" s="3"/>
      <c r="J37" s="3"/>
      <c r="K37" s="3"/>
      <c r="L37" s="260"/>
    </row>
    <row r="38" spans="2:12" ht="14.25" customHeight="1" x14ac:dyDescent="0.15">
      <c r="B38" s="213"/>
      <c r="C38" s="93" t="s">
        <v>157</v>
      </c>
      <c r="D38" s="93" t="s">
        <v>158</v>
      </c>
      <c r="E38" s="261">
        <v>78</v>
      </c>
      <c r="F38" s="56">
        <v>106</v>
      </c>
      <c r="G38" s="262"/>
      <c r="H38" s="262"/>
      <c r="I38" s="263">
        <v>88</v>
      </c>
      <c r="J38" s="262">
        <v>-18</v>
      </c>
      <c r="K38" s="264">
        <v>1.1299999999999999</v>
      </c>
      <c r="L38" s="265">
        <v>1.22</v>
      </c>
    </row>
    <row r="39" spans="2:12" ht="14.25" customHeight="1" x14ac:dyDescent="0.15">
      <c r="B39" s="213"/>
      <c r="C39" s="93" t="s">
        <v>146</v>
      </c>
      <c r="D39" s="93" t="s">
        <v>159</v>
      </c>
      <c r="E39" s="261">
        <v>78</v>
      </c>
      <c r="F39" s="56">
        <v>73</v>
      </c>
      <c r="G39" s="262"/>
      <c r="H39" s="262"/>
      <c r="I39" s="263">
        <v>81</v>
      </c>
      <c r="J39" s="262">
        <v>8</v>
      </c>
      <c r="K39" s="264">
        <v>1.04</v>
      </c>
      <c r="L39" s="265">
        <v>1.1499999999999999</v>
      </c>
    </row>
    <row r="40" spans="2:12" ht="14.25" customHeight="1" x14ac:dyDescent="0.15">
      <c r="B40" s="213"/>
      <c r="C40" s="93" t="s">
        <v>146</v>
      </c>
      <c r="D40" s="93" t="s">
        <v>160</v>
      </c>
      <c r="E40" s="261">
        <v>118</v>
      </c>
      <c r="F40" s="56">
        <v>119</v>
      </c>
      <c r="G40" s="262"/>
      <c r="H40" s="262"/>
      <c r="I40" s="263">
        <v>129</v>
      </c>
      <c r="J40" s="262">
        <v>10</v>
      </c>
      <c r="K40" s="264">
        <v>1.0900000000000001</v>
      </c>
      <c r="L40" s="265">
        <v>1.1299999999999999</v>
      </c>
    </row>
    <row r="41" spans="2:12" ht="14.25" customHeight="1" x14ac:dyDescent="0.15">
      <c r="B41" s="213"/>
      <c r="C41" s="93" t="s">
        <v>146</v>
      </c>
      <c r="D41" s="93" t="s">
        <v>161</v>
      </c>
      <c r="E41" s="261">
        <v>38</v>
      </c>
      <c r="F41" s="56">
        <v>54</v>
      </c>
      <c r="G41" s="262"/>
      <c r="H41" s="262"/>
      <c r="I41" s="263">
        <v>56</v>
      </c>
      <c r="J41" s="262">
        <v>2</v>
      </c>
      <c r="K41" s="264">
        <v>1.47</v>
      </c>
      <c r="L41" s="265">
        <v>1.79</v>
      </c>
    </row>
    <row r="42" spans="2:12" ht="14.25" customHeight="1" x14ac:dyDescent="0.15">
      <c r="B42" s="213"/>
      <c r="D42" s="266" t="s">
        <v>162</v>
      </c>
      <c r="E42" s="267">
        <v>312</v>
      </c>
      <c r="F42" s="268">
        <v>352</v>
      </c>
      <c r="G42" s="268"/>
      <c r="H42" s="268"/>
      <c r="I42" s="268">
        <v>354</v>
      </c>
      <c r="J42" s="268">
        <v>2</v>
      </c>
      <c r="K42" s="172">
        <v>1.1299999999999999</v>
      </c>
      <c r="L42" s="269">
        <v>1.24</v>
      </c>
    </row>
    <row r="43" spans="2:12" ht="21.75" customHeight="1" x14ac:dyDescent="0.15">
      <c r="B43" s="213"/>
      <c r="C43" s="93" t="s">
        <v>163</v>
      </c>
      <c r="D43" s="93" t="s">
        <v>164</v>
      </c>
      <c r="E43" s="261">
        <v>118</v>
      </c>
      <c r="F43" s="56">
        <v>100</v>
      </c>
      <c r="G43" s="262"/>
      <c r="H43" s="262"/>
      <c r="I43" s="263">
        <v>102</v>
      </c>
      <c r="J43" s="262">
        <v>2</v>
      </c>
      <c r="K43" s="264">
        <v>0.86</v>
      </c>
      <c r="L43" s="265">
        <v>1.1599999999999999</v>
      </c>
    </row>
    <row r="44" spans="2:12" ht="21.75" customHeight="1" x14ac:dyDescent="0.15">
      <c r="B44" s="213"/>
      <c r="C44" s="93" t="s">
        <v>165</v>
      </c>
      <c r="D44" s="93" t="s">
        <v>158</v>
      </c>
      <c r="E44" s="261">
        <v>76</v>
      </c>
      <c r="F44" s="56">
        <v>78</v>
      </c>
      <c r="G44" s="262"/>
      <c r="H44" s="262"/>
      <c r="I44" s="263">
        <v>76</v>
      </c>
      <c r="J44" s="262">
        <v>-2</v>
      </c>
      <c r="K44" s="264">
        <v>1</v>
      </c>
      <c r="L44" s="265">
        <v>0.81</v>
      </c>
    </row>
    <row r="45" spans="2:12" ht="14.25" customHeight="1" x14ac:dyDescent="0.15">
      <c r="B45" s="213"/>
      <c r="C45" s="93" t="s">
        <v>146</v>
      </c>
      <c r="D45" s="93" t="s">
        <v>160</v>
      </c>
      <c r="E45" s="261">
        <v>76</v>
      </c>
      <c r="F45" s="56">
        <v>75</v>
      </c>
      <c r="G45" s="262"/>
      <c r="H45" s="262"/>
      <c r="I45" s="263">
        <v>77</v>
      </c>
      <c r="J45" s="262">
        <v>2</v>
      </c>
      <c r="K45" s="264">
        <v>1.01</v>
      </c>
      <c r="L45" s="265">
        <v>0.92</v>
      </c>
    </row>
    <row r="46" spans="2:12" ht="14.25" customHeight="1" x14ac:dyDescent="0.15">
      <c r="B46" s="213"/>
      <c r="C46" s="93" t="s">
        <v>146</v>
      </c>
      <c r="D46" s="93" t="s">
        <v>159</v>
      </c>
      <c r="E46" s="261">
        <v>36</v>
      </c>
      <c r="F46" s="56">
        <v>39</v>
      </c>
      <c r="G46" s="262"/>
      <c r="H46" s="262"/>
      <c r="I46" s="263">
        <v>39</v>
      </c>
      <c r="J46" s="262">
        <v>0</v>
      </c>
      <c r="K46" s="264">
        <v>1.08</v>
      </c>
      <c r="L46" s="265">
        <v>0.87</v>
      </c>
    </row>
    <row r="47" spans="2:12" ht="14.25" customHeight="1" x14ac:dyDescent="0.15">
      <c r="B47" s="213"/>
      <c r="C47" s="93" t="s">
        <v>146</v>
      </c>
      <c r="D47" s="93" t="s">
        <v>166</v>
      </c>
      <c r="E47" s="261">
        <v>36</v>
      </c>
      <c r="F47" s="56">
        <v>20</v>
      </c>
      <c r="G47" s="262"/>
      <c r="H47" s="262"/>
      <c r="I47" s="263">
        <v>20</v>
      </c>
      <c r="J47" s="262">
        <v>0</v>
      </c>
      <c r="K47" s="264">
        <v>0.56000000000000005</v>
      </c>
      <c r="L47" s="265">
        <v>0.28999999999999998</v>
      </c>
    </row>
    <row r="48" spans="2:12" ht="14.25" customHeight="1" x14ac:dyDescent="0.15">
      <c r="B48" s="213"/>
      <c r="D48" s="266" t="s">
        <v>162</v>
      </c>
      <c r="E48" s="267">
        <v>224</v>
      </c>
      <c r="F48" s="268">
        <v>212</v>
      </c>
      <c r="G48" s="268"/>
      <c r="H48" s="268"/>
      <c r="I48" s="268">
        <v>212</v>
      </c>
      <c r="J48" s="268">
        <v>0</v>
      </c>
      <c r="K48" s="172">
        <v>0.95</v>
      </c>
      <c r="L48" s="269">
        <v>0.77</v>
      </c>
    </row>
    <row r="49" spans="2:12" ht="22.15" customHeight="1" x14ac:dyDescent="0.15">
      <c r="B49" s="213"/>
      <c r="C49" s="93" t="s">
        <v>167</v>
      </c>
      <c r="D49" s="93" t="s">
        <v>164</v>
      </c>
      <c r="E49" s="261">
        <v>238</v>
      </c>
      <c r="F49" s="56">
        <v>255</v>
      </c>
      <c r="G49" s="262"/>
      <c r="H49" s="262"/>
      <c r="I49" s="263">
        <v>248</v>
      </c>
      <c r="J49" s="262">
        <v>-7</v>
      </c>
      <c r="K49" s="264">
        <v>1.04</v>
      </c>
      <c r="L49" s="265">
        <v>0.68</v>
      </c>
    </row>
    <row r="50" spans="2:12" ht="21.75" customHeight="1" x14ac:dyDescent="0.15">
      <c r="B50" s="213"/>
      <c r="C50" s="93" t="s">
        <v>168</v>
      </c>
      <c r="D50" s="93" t="s">
        <v>169</v>
      </c>
      <c r="E50" s="261">
        <v>78</v>
      </c>
      <c r="F50" s="56">
        <v>59</v>
      </c>
      <c r="G50" s="262"/>
      <c r="H50" s="262"/>
      <c r="I50" s="263">
        <v>63</v>
      </c>
      <c r="J50" s="262">
        <v>4</v>
      </c>
      <c r="K50" s="264">
        <v>0.81</v>
      </c>
      <c r="L50" s="265">
        <v>0.87</v>
      </c>
    </row>
    <row r="51" spans="2:12" ht="14.25" customHeight="1" x14ac:dyDescent="0.15">
      <c r="B51" s="213"/>
      <c r="C51" s="93" t="s">
        <v>146</v>
      </c>
      <c r="D51" s="93" t="s">
        <v>170</v>
      </c>
      <c r="E51" s="261">
        <v>78</v>
      </c>
      <c r="F51" s="56">
        <v>56</v>
      </c>
      <c r="G51" s="262"/>
      <c r="H51" s="262"/>
      <c r="I51" s="263">
        <v>56</v>
      </c>
      <c r="J51" s="262">
        <v>0</v>
      </c>
      <c r="K51" s="264">
        <v>0.72</v>
      </c>
      <c r="L51" s="265">
        <v>0.83</v>
      </c>
    </row>
    <row r="52" spans="2:12" ht="14.25" customHeight="1" x14ac:dyDescent="0.15">
      <c r="B52" s="213"/>
      <c r="C52" s="93" t="s">
        <v>146</v>
      </c>
      <c r="D52" s="93" t="s">
        <v>171</v>
      </c>
      <c r="E52" s="261">
        <v>78</v>
      </c>
      <c r="F52" s="56">
        <v>64</v>
      </c>
      <c r="G52" s="262"/>
      <c r="H52" s="262"/>
      <c r="I52" s="263">
        <v>62</v>
      </c>
      <c r="J52" s="262">
        <v>-2</v>
      </c>
      <c r="K52" s="264">
        <v>0.79</v>
      </c>
      <c r="L52" s="265">
        <v>0.88</v>
      </c>
    </row>
    <row r="53" spans="2:12" ht="14.25" customHeight="1" x14ac:dyDescent="0.15">
      <c r="B53" s="213"/>
      <c r="D53" s="266" t="s">
        <v>162</v>
      </c>
      <c r="E53" s="267">
        <v>234</v>
      </c>
      <c r="F53" s="268">
        <v>179</v>
      </c>
      <c r="G53" s="268"/>
      <c r="H53" s="268"/>
      <c r="I53" s="268">
        <v>181</v>
      </c>
      <c r="J53" s="268">
        <v>2</v>
      </c>
      <c r="K53" s="172">
        <v>0.77</v>
      </c>
      <c r="L53" s="269">
        <v>0.86</v>
      </c>
    </row>
    <row r="54" spans="2:12" ht="7.5" customHeight="1" x14ac:dyDescent="0.15">
      <c r="B54" s="218"/>
      <c r="C54" s="85"/>
      <c r="D54" s="85"/>
      <c r="E54" s="282"/>
      <c r="F54" s="283"/>
      <c r="G54" s="283"/>
      <c r="H54" s="283"/>
      <c r="I54" s="283"/>
      <c r="J54" s="283"/>
      <c r="K54" s="283"/>
      <c r="L54" s="284"/>
    </row>
    <row r="55" spans="2:12" ht="7.5" customHeight="1" x14ac:dyDescent="0.15">
      <c r="L55" s="287"/>
    </row>
    <row r="56" spans="2:12" ht="14.25" customHeight="1" x14ac:dyDescent="0.15">
      <c r="L56" s="209"/>
    </row>
    <row r="57" spans="2:12" ht="7.5" customHeight="1" x14ac:dyDescent="0.15">
      <c r="B57" s="210"/>
      <c r="C57" s="99"/>
      <c r="D57" s="99"/>
      <c r="E57" s="14"/>
      <c r="F57" s="15"/>
      <c r="G57" s="15"/>
      <c r="H57" s="15"/>
      <c r="I57" s="15"/>
      <c r="J57" s="15"/>
      <c r="K57" s="15"/>
      <c r="L57" s="16"/>
    </row>
    <row r="58" spans="2:12" ht="14.25" customHeight="1" x14ac:dyDescent="0.15">
      <c r="B58" s="213"/>
      <c r="E58" s="21"/>
      <c r="F58" s="22" t="s">
        <v>115</v>
      </c>
      <c r="G58" s="23" t="s">
        <v>5</v>
      </c>
      <c r="H58" s="24"/>
      <c r="I58" s="24"/>
      <c r="J58" s="25"/>
      <c r="K58" s="23" t="s">
        <v>5</v>
      </c>
      <c r="L58" s="26" t="s">
        <v>6</v>
      </c>
    </row>
    <row r="59" spans="2:12" ht="14.25" customHeight="1" x14ac:dyDescent="0.15">
      <c r="B59" s="213"/>
      <c r="C59" s="93" t="s">
        <v>7</v>
      </c>
      <c r="D59" s="93" t="s">
        <v>141</v>
      </c>
      <c r="E59" s="30" t="s">
        <v>8</v>
      </c>
      <c r="F59" s="31" t="s">
        <v>9</v>
      </c>
      <c r="G59" s="32" t="s">
        <v>9</v>
      </c>
      <c r="H59" s="32"/>
      <c r="I59" s="32"/>
      <c r="J59" s="33" t="s">
        <v>10</v>
      </c>
      <c r="K59" s="34" t="s">
        <v>11</v>
      </c>
      <c r="L59" s="26"/>
    </row>
    <row r="60" spans="2:12" ht="14.25" customHeight="1" x14ac:dyDescent="0.15">
      <c r="B60" s="213"/>
      <c r="C60" s="94"/>
      <c r="D60" s="94"/>
      <c r="E60" s="30" t="s">
        <v>13</v>
      </c>
      <c r="F60" s="31" t="s">
        <v>14</v>
      </c>
      <c r="G60" s="35" t="s">
        <v>15</v>
      </c>
      <c r="H60" s="36"/>
      <c r="I60" s="37"/>
      <c r="J60" s="31"/>
      <c r="K60" s="34" t="s">
        <v>16</v>
      </c>
      <c r="L60" s="26"/>
    </row>
    <row r="61" spans="2:12" ht="7.5" customHeight="1" x14ac:dyDescent="0.15">
      <c r="B61" s="218"/>
      <c r="C61" s="86"/>
      <c r="D61" s="86"/>
      <c r="E61" s="41"/>
      <c r="F61" s="239"/>
      <c r="G61" s="43"/>
      <c r="H61" s="40"/>
      <c r="I61" s="44"/>
      <c r="J61" s="239"/>
      <c r="K61" s="239"/>
      <c r="L61" s="46"/>
    </row>
    <row r="62" spans="2:12" ht="7.5" customHeight="1" x14ac:dyDescent="0.15">
      <c r="B62" s="210"/>
      <c r="C62" s="100"/>
      <c r="D62" s="100"/>
      <c r="E62" s="49"/>
      <c r="F62" s="15"/>
      <c r="G62" s="15"/>
      <c r="H62" s="15"/>
      <c r="I62" s="15"/>
      <c r="J62" s="15"/>
      <c r="K62" s="15"/>
      <c r="L62" s="260"/>
    </row>
    <row r="63" spans="2:12" ht="21.75" customHeight="1" x14ac:dyDescent="0.15">
      <c r="B63" s="213"/>
      <c r="C63" s="93" t="s">
        <v>172</v>
      </c>
      <c r="D63" s="93" t="s">
        <v>158</v>
      </c>
      <c r="E63" s="261">
        <v>78</v>
      </c>
      <c r="F63" s="262">
        <v>46</v>
      </c>
      <c r="G63" s="262"/>
      <c r="H63" s="262"/>
      <c r="I63" s="262">
        <v>48</v>
      </c>
      <c r="J63" s="262">
        <v>2</v>
      </c>
      <c r="K63" s="264">
        <v>0.62</v>
      </c>
      <c r="L63" s="265">
        <v>0.7</v>
      </c>
    </row>
    <row r="64" spans="2:12" ht="14.25" customHeight="1" x14ac:dyDescent="0.15">
      <c r="B64" s="213"/>
      <c r="C64" s="93" t="s">
        <v>146</v>
      </c>
      <c r="D64" s="235" t="s">
        <v>160</v>
      </c>
      <c r="E64" s="261">
        <v>78</v>
      </c>
      <c r="F64" s="262">
        <v>64</v>
      </c>
      <c r="G64" s="262"/>
      <c r="H64" s="262"/>
      <c r="I64" s="262">
        <v>64</v>
      </c>
      <c r="J64" s="262">
        <v>0</v>
      </c>
      <c r="K64" s="264">
        <v>0.82</v>
      </c>
      <c r="L64" s="265">
        <v>0.67</v>
      </c>
    </row>
    <row r="65" spans="2:12" ht="14.25" customHeight="1" x14ac:dyDescent="0.15">
      <c r="B65" s="213"/>
      <c r="C65" s="93" t="s">
        <v>146</v>
      </c>
      <c r="D65" s="235" t="s">
        <v>173</v>
      </c>
      <c r="E65" s="261">
        <v>38</v>
      </c>
      <c r="F65" s="262">
        <v>34</v>
      </c>
      <c r="G65" s="262"/>
      <c r="H65" s="262"/>
      <c r="I65" s="262">
        <v>35</v>
      </c>
      <c r="J65" s="262">
        <v>1</v>
      </c>
      <c r="K65" s="264">
        <v>0.92</v>
      </c>
      <c r="L65" s="265">
        <v>1</v>
      </c>
    </row>
    <row r="66" spans="2:12" ht="14.25" customHeight="1" x14ac:dyDescent="0.15">
      <c r="B66" s="213"/>
      <c r="C66" s="93" t="s">
        <v>146</v>
      </c>
      <c r="D66" s="235" t="s">
        <v>166</v>
      </c>
      <c r="E66" s="261">
        <v>38</v>
      </c>
      <c r="F66" s="262">
        <v>30</v>
      </c>
      <c r="G66" s="262"/>
      <c r="H66" s="262"/>
      <c r="I66" s="262">
        <v>32</v>
      </c>
      <c r="J66" s="262">
        <v>2</v>
      </c>
      <c r="K66" s="264">
        <v>0.84</v>
      </c>
      <c r="L66" s="265">
        <v>0.72</v>
      </c>
    </row>
    <row r="67" spans="2:12" ht="14.25" customHeight="1" x14ac:dyDescent="0.15">
      <c r="B67" s="213"/>
      <c r="D67" s="266" t="s">
        <v>162</v>
      </c>
      <c r="E67" s="267">
        <v>232</v>
      </c>
      <c r="F67" s="268">
        <v>174</v>
      </c>
      <c r="G67" s="268"/>
      <c r="H67" s="268"/>
      <c r="I67" s="268">
        <v>179</v>
      </c>
      <c r="J67" s="268">
        <v>5</v>
      </c>
      <c r="K67" s="172">
        <v>0.77</v>
      </c>
      <c r="L67" s="269">
        <v>0.74</v>
      </c>
    </row>
    <row r="68" spans="2:12" ht="21.75" customHeight="1" x14ac:dyDescent="0.15">
      <c r="B68" s="213"/>
      <c r="C68" s="93" t="s">
        <v>174</v>
      </c>
      <c r="D68" s="93" t="s">
        <v>164</v>
      </c>
      <c r="E68" s="261">
        <v>238</v>
      </c>
      <c r="F68" s="262">
        <v>125</v>
      </c>
      <c r="G68" s="262"/>
      <c r="H68" s="262"/>
      <c r="I68" s="262">
        <v>127</v>
      </c>
      <c r="J68" s="262">
        <v>2</v>
      </c>
      <c r="K68" s="264">
        <v>0.53</v>
      </c>
      <c r="L68" s="265">
        <v>0.81</v>
      </c>
    </row>
    <row r="69" spans="2:12" x14ac:dyDescent="0.15">
      <c r="B69" s="213"/>
      <c r="C69" s="93" t="s">
        <v>175</v>
      </c>
      <c r="D69" s="93" t="s">
        <v>164</v>
      </c>
      <c r="E69" s="261">
        <v>238</v>
      </c>
      <c r="F69" s="262">
        <v>164</v>
      </c>
      <c r="G69" s="262"/>
      <c r="H69" s="262"/>
      <c r="I69" s="262">
        <v>161</v>
      </c>
      <c r="J69" s="262">
        <v>-3</v>
      </c>
      <c r="K69" s="264">
        <v>0.68</v>
      </c>
      <c r="L69" s="265">
        <v>0.87</v>
      </c>
    </row>
    <row r="70" spans="2:12" ht="21.75" customHeight="1" x14ac:dyDescent="0.15">
      <c r="B70" s="213"/>
      <c r="C70" s="227" t="s">
        <v>176</v>
      </c>
      <c r="D70" s="227" t="s">
        <v>158</v>
      </c>
      <c r="E70" s="261">
        <v>38</v>
      </c>
      <c r="F70" s="262">
        <v>25</v>
      </c>
      <c r="G70" s="262"/>
      <c r="H70" s="262"/>
      <c r="I70" s="262">
        <v>25</v>
      </c>
      <c r="J70" s="262">
        <v>0</v>
      </c>
      <c r="K70" s="264">
        <v>0.66</v>
      </c>
      <c r="L70" s="265">
        <v>1</v>
      </c>
    </row>
    <row r="71" spans="2:12" ht="14.25" customHeight="1" x14ac:dyDescent="0.15">
      <c r="B71" s="213"/>
      <c r="C71" s="227" t="s">
        <v>146</v>
      </c>
      <c r="D71" s="227" t="s">
        <v>177</v>
      </c>
      <c r="E71" s="261">
        <v>38</v>
      </c>
      <c r="F71" s="262">
        <v>33</v>
      </c>
      <c r="G71" s="262"/>
      <c r="H71" s="262"/>
      <c r="I71" s="262">
        <v>30</v>
      </c>
      <c r="J71" s="262">
        <v>-3</v>
      </c>
      <c r="K71" s="264">
        <v>0.79</v>
      </c>
      <c r="L71" s="265">
        <v>0.68</v>
      </c>
    </row>
    <row r="72" spans="2:12" ht="14.25" customHeight="1" x14ac:dyDescent="0.15">
      <c r="B72" s="213"/>
      <c r="C72" s="227" t="s">
        <v>146</v>
      </c>
      <c r="D72" s="227" t="s">
        <v>173</v>
      </c>
      <c r="E72" s="261">
        <v>38</v>
      </c>
      <c r="F72" s="262">
        <v>26</v>
      </c>
      <c r="G72" s="262"/>
      <c r="H72" s="262"/>
      <c r="I72" s="262">
        <v>25</v>
      </c>
      <c r="J72" s="262">
        <v>-1</v>
      </c>
      <c r="K72" s="264">
        <v>0.66</v>
      </c>
      <c r="L72" s="265">
        <v>0.32</v>
      </c>
    </row>
    <row r="73" spans="2:12" ht="14.25" customHeight="1" x14ac:dyDescent="0.15">
      <c r="B73" s="213"/>
      <c r="C73" s="235" t="s">
        <v>146</v>
      </c>
      <c r="D73" s="235" t="s">
        <v>161</v>
      </c>
      <c r="E73" s="261">
        <v>38</v>
      </c>
      <c r="F73" s="262">
        <v>37</v>
      </c>
      <c r="G73" s="262"/>
      <c r="H73" s="262"/>
      <c r="I73" s="262">
        <v>37</v>
      </c>
      <c r="J73" s="262">
        <v>0</v>
      </c>
      <c r="K73" s="264">
        <v>0.97</v>
      </c>
      <c r="L73" s="265">
        <v>0.87</v>
      </c>
    </row>
    <row r="74" spans="2:12" ht="14.25" customHeight="1" x14ac:dyDescent="0.15">
      <c r="B74" s="213"/>
      <c r="D74" s="266" t="s">
        <v>162</v>
      </c>
      <c r="E74" s="267">
        <v>152</v>
      </c>
      <c r="F74" s="268">
        <v>121</v>
      </c>
      <c r="G74" s="268"/>
      <c r="H74" s="268"/>
      <c r="I74" s="268">
        <v>117</v>
      </c>
      <c r="J74" s="268">
        <v>-4</v>
      </c>
      <c r="K74" s="172">
        <v>0.77</v>
      </c>
      <c r="L74" s="269">
        <v>0.72</v>
      </c>
    </row>
    <row r="75" spans="2:12" ht="21.75" customHeight="1" x14ac:dyDescent="0.15">
      <c r="B75" s="213"/>
      <c r="C75" s="93" t="s">
        <v>178</v>
      </c>
      <c r="D75" s="93" t="s">
        <v>179</v>
      </c>
      <c r="E75" s="261">
        <v>39</v>
      </c>
      <c r="F75" s="262">
        <v>41</v>
      </c>
      <c r="G75" s="262"/>
      <c r="H75" s="262"/>
      <c r="I75" s="262">
        <v>41</v>
      </c>
      <c r="J75" s="262">
        <v>0</v>
      </c>
      <c r="K75" s="264">
        <v>1.05</v>
      </c>
      <c r="L75" s="265">
        <v>1.36</v>
      </c>
    </row>
    <row r="76" spans="2:12" ht="14.25" customHeight="1" x14ac:dyDescent="0.15">
      <c r="B76" s="213"/>
      <c r="C76" s="93" t="s">
        <v>146</v>
      </c>
      <c r="D76" s="93" t="s">
        <v>180</v>
      </c>
      <c r="E76" s="261">
        <v>39</v>
      </c>
      <c r="F76" s="262">
        <v>35</v>
      </c>
      <c r="G76" s="262"/>
      <c r="H76" s="262"/>
      <c r="I76" s="262">
        <v>36</v>
      </c>
      <c r="J76" s="262">
        <v>1</v>
      </c>
      <c r="K76" s="264">
        <v>0.92</v>
      </c>
      <c r="L76" s="265">
        <v>1.1000000000000001</v>
      </c>
    </row>
    <row r="77" spans="2:12" ht="14.25" customHeight="1" x14ac:dyDescent="0.15">
      <c r="B77" s="213"/>
      <c r="C77" s="93" t="s">
        <v>146</v>
      </c>
      <c r="D77" s="93" t="s">
        <v>181</v>
      </c>
      <c r="E77" s="261">
        <v>39</v>
      </c>
      <c r="F77" s="262">
        <v>36</v>
      </c>
      <c r="G77" s="262"/>
      <c r="H77" s="262"/>
      <c r="I77" s="262">
        <v>34</v>
      </c>
      <c r="J77" s="262">
        <v>-2</v>
      </c>
      <c r="K77" s="264">
        <v>0.87</v>
      </c>
      <c r="L77" s="265">
        <v>1.18</v>
      </c>
    </row>
    <row r="78" spans="2:12" ht="14.25" customHeight="1" x14ac:dyDescent="0.15">
      <c r="B78" s="213"/>
      <c r="C78" s="93" t="s">
        <v>146</v>
      </c>
      <c r="D78" s="93" t="s">
        <v>182</v>
      </c>
      <c r="E78" s="261">
        <v>39</v>
      </c>
      <c r="F78" s="262">
        <v>43</v>
      </c>
      <c r="G78" s="262"/>
      <c r="H78" s="262"/>
      <c r="I78" s="262">
        <v>44</v>
      </c>
      <c r="J78" s="262">
        <v>1</v>
      </c>
      <c r="K78" s="264">
        <v>1.1299999999999999</v>
      </c>
      <c r="L78" s="265">
        <v>1.31</v>
      </c>
    </row>
    <row r="79" spans="2:12" ht="14.25" customHeight="1" x14ac:dyDescent="0.15">
      <c r="B79" s="213"/>
      <c r="C79" s="93" t="s">
        <v>146</v>
      </c>
      <c r="D79" s="93" t="s">
        <v>161</v>
      </c>
      <c r="E79" s="261">
        <v>39</v>
      </c>
      <c r="F79" s="262">
        <v>37</v>
      </c>
      <c r="G79" s="262"/>
      <c r="H79" s="262"/>
      <c r="I79" s="262">
        <v>38</v>
      </c>
      <c r="J79" s="262">
        <v>1</v>
      </c>
      <c r="K79" s="264">
        <v>0.97</v>
      </c>
      <c r="L79" s="265">
        <v>1.46</v>
      </c>
    </row>
    <row r="80" spans="2:12" ht="14.25" customHeight="1" x14ac:dyDescent="0.15">
      <c r="B80" s="213"/>
      <c r="D80" s="266" t="s">
        <v>162</v>
      </c>
      <c r="E80" s="267">
        <v>195</v>
      </c>
      <c r="F80" s="268">
        <v>192</v>
      </c>
      <c r="G80" s="268"/>
      <c r="H80" s="268"/>
      <c r="I80" s="268">
        <v>193</v>
      </c>
      <c r="J80" s="268">
        <v>1</v>
      </c>
      <c r="K80" s="172">
        <v>0.99</v>
      </c>
      <c r="L80" s="269">
        <v>1.28</v>
      </c>
    </row>
    <row r="81" spans="2:12" ht="7.5" customHeight="1" x14ac:dyDescent="0.15">
      <c r="B81" s="213"/>
      <c r="E81" s="261"/>
      <c r="L81" s="288"/>
    </row>
    <row r="82" spans="2:12" ht="7.5" customHeight="1" x14ac:dyDescent="0.15">
      <c r="B82" s="289"/>
      <c r="C82" s="74"/>
      <c r="D82" s="74"/>
      <c r="E82" s="290"/>
      <c r="F82" s="291"/>
      <c r="G82" s="291"/>
      <c r="H82" s="291"/>
      <c r="I82" s="291"/>
      <c r="J82" s="291"/>
      <c r="K82" s="291"/>
      <c r="L82" s="292"/>
    </row>
    <row r="83" spans="2:12" ht="14.25" customHeight="1" x14ac:dyDescent="0.15">
      <c r="B83" s="213"/>
      <c r="C83" s="275" t="s">
        <v>138</v>
      </c>
      <c r="D83" s="276"/>
      <c r="E83" s="267">
        <v>2181</v>
      </c>
      <c r="F83" s="268">
        <v>1874</v>
      </c>
      <c r="G83" s="268"/>
      <c r="H83" s="268"/>
      <c r="I83" s="268">
        <v>1874</v>
      </c>
      <c r="J83" s="268">
        <v>0</v>
      </c>
      <c r="K83" s="172">
        <v>0.86</v>
      </c>
      <c r="L83" s="269">
        <v>0.91</v>
      </c>
    </row>
    <row r="84" spans="2:12" ht="7.5" customHeight="1" x14ac:dyDescent="0.15">
      <c r="B84" s="218"/>
      <c r="C84" s="85"/>
      <c r="D84" s="85"/>
      <c r="E84" s="282"/>
      <c r="F84" s="283"/>
      <c r="G84" s="283"/>
      <c r="H84" s="283"/>
      <c r="I84" s="283"/>
      <c r="J84" s="283"/>
      <c r="K84" s="283"/>
      <c r="L84" s="293"/>
    </row>
    <row r="85" spans="2:12" ht="23.25" customHeight="1" x14ac:dyDescent="0.15">
      <c r="B85" s="294" t="s">
        <v>183</v>
      </c>
      <c r="C85" s="294"/>
      <c r="D85" s="294"/>
      <c r="E85" s="294"/>
      <c r="F85" s="294"/>
      <c r="G85" s="294"/>
      <c r="H85" s="294"/>
      <c r="I85" s="294"/>
      <c r="J85" s="294"/>
      <c r="K85" s="294"/>
      <c r="L85" s="294"/>
    </row>
    <row r="86" spans="2:12" ht="6" customHeight="1" x14ac:dyDescent="0.15">
      <c r="D86" s="110"/>
    </row>
    <row r="87" spans="2:12" ht="14.25" customHeight="1" x14ac:dyDescent="0.15">
      <c r="B87" s="93" t="s">
        <v>184</v>
      </c>
    </row>
    <row r="88" spans="2:12" ht="7.5" customHeight="1" x14ac:dyDescent="0.15">
      <c r="B88" s="210"/>
      <c r="C88" s="99"/>
      <c r="D88" s="99"/>
      <c r="E88" s="14"/>
      <c r="F88" s="15"/>
      <c r="G88" s="15"/>
      <c r="H88" s="15"/>
      <c r="I88" s="15"/>
      <c r="J88" s="15"/>
      <c r="K88" s="15"/>
      <c r="L88" s="16"/>
    </row>
    <row r="89" spans="2:12" ht="14.25" customHeight="1" x14ac:dyDescent="0.15">
      <c r="B89" s="213"/>
      <c r="E89" s="21"/>
      <c r="F89" s="22" t="s">
        <v>115</v>
      </c>
      <c r="G89" s="23" t="s">
        <v>185</v>
      </c>
      <c r="H89" s="24"/>
      <c r="I89" s="24"/>
      <c r="J89" s="25"/>
      <c r="K89" s="23" t="s">
        <v>5</v>
      </c>
      <c r="L89" s="26" t="s">
        <v>6</v>
      </c>
    </row>
    <row r="90" spans="2:12" ht="14.25" customHeight="1" x14ac:dyDescent="0.15">
      <c r="B90" s="213"/>
      <c r="C90" s="93" t="s">
        <v>7</v>
      </c>
      <c r="D90" s="93" t="s">
        <v>141</v>
      </c>
      <c r="E90" s="30" t="s">
        <v>8</v>
      </c>
      <c r="F90" s="31" t="s">
        <v>9</v>
      </c>
      <c r="G90" s="32" t="s">
        <v>9</v>
      </c>
      <c r="H90" s="32"/>
      <c r="I90" s="32"/>
      <c r="J90" s="33" t="s">
        <v>10</v>
      </c>
      <c r="K90" s="34" t="s">
        <v>11</v>
      </c>
      <c r="L90" s="26"/>
    </row>
    <row r="91" spans="2:12" ht="14.25" customHeight="1" x14ac:dyDescent="0.15">
      <c r="B91" s="213"/>
      <c r="C91" s="94"/>
      <c r="D91" s="94"/>
      <c r="E91" s="30" t="s">
        <v>13</v>
      </c>
      <c r="F91" s="31" t="s">
        <v>14</v>
      </c>
      <c r="G91" s="35" t="s">
        <v>15</v>
      </c>
      <c r="H91" s="36"/>
      <c r="I91" s="37"/>
      <c r="J91" s="31"/>
      <c r="K91" s="34" t="s">
        <v>16</v>
      </c>
      <c r="L91" s="26"/>
    </row>
    <row r="92" spans="2:12" ht="7.5" customHeight="1" x14ac:dyDescent="0.15">
      <c r="B92" s="213"/>
      <c r="C92" s="86"/>
      <c r="D92" s="86"/>
      <c r="E92" s="41"/>
      <c r="F92" s="239"/>
      <c r="G92" s="43"/>
      <c r="H92" s="40"/>
      <c r="I92" s="44"/>
      <c r="J92" s="239"/>
      <c r="K92" s="239"/>
      <c r="L92" s="46"/>
    </row>
    <row r="93" spans="2:12" ht="7.5" customHeight="1" x14ac:dyDescent="0.15">
      <c r="B93" s="210"/>
      <c r="C93" s="94"/>
      <c r="D93" s="94"/>
      <c r="E93" s="49"/>
      <c r="F93" s="3"/>
      <c r="G93" s="3"/>
      <c r="H93" s="3"/>
      <c r="I93" s="3"/>
      <c r="J93" s="3"/>
      <c r="K93" s="3"/>
      <c r="L93" s="260"/>
    </row>
    <row r="94" spans="2:12" ht="14.25" customHeight="1" x14ac:dyDescent="0.15">
      <c r="B94" s="213"/>
      <c r="C94" s="93" t="s">
        <v>163</v>
      </c>
      <c r="D94" s="93" t="s">
        <v>186</v>
      </c>
      <c r="E94" s="261">
        <v>118</v>
      </c>
      <c r="F94" s="262">
        <v>108</v>
      </c>
      <c r="G94" s="262"/>
      <c r="H94" s="262"/>
      <c r="I94" s="262">
        <v>106</v>
      </c>
      <c r="J94" s="262">
        <v>-2</v>
      </c>
      <c r="K94" s="264">
        <v>0.9</v>
      </c>
      <c r="L94" s="265">
        <v>1.21</v>
      </c>
    </row>
    <row r="95" spans="2:12" x14ac:dyDescent="0.15">
      <c r="B95" s="213"/>
      <c r="C95" s="93" t="s">
        <v>142</v>
      </c>
      <c r="D95" s="93" t="s">
        <v>186</v>
      </c>
      <c r="E95" s="261">
        <v>158</v>
      </c>
      <c r="F95" s="262">
        <v>161</v>
      </c>
      <c r="G95" s="262"/>
      <c r="H95" s="262"/>
      <c r="I95" s="262">
        <v>164</v>
      </c>
      <c r="J95" s="262">
        <v>3</v>
      </c>
      <c r="K95" s="264">
        <v>1.04</v>
      </c>
      <c r="L95" s="265">
        <v>0.84</v>
      </c>
    </row>
    <row r="96" spans="2:12" x14ac:dyDescent="0.15">
      <c r="B96" s="213"/>
      <c r="C96" s="93" t="s">
        <v>187</v>
      </c>
      <c r="D96" s="93" t="s">
        <v>186</v>
      </c>
      <c r="E96" s="261">
        <v>118</v>
      </c>
      <c r="F96" s="262">
        <v>73</v>
      </c>
      <c r="G96" s="262"/>
      <c r="H96" s="262"/>
      <c r="I96" s="262">
        <v>75</v>
      </c>
      <c r="J96" s="262">
        <v>2</v>
      </c>
      <c r="K96" s="264">
        <v>0.64</v>
      </c>
      <c r="L96" s="265">
        <v>0.49</v>
      </c>
    </row>
    <row r="97" spans="2:12" x14ac:dyDescent="0.15">
      <c r="B97" s="213"/>
      <c r="C97" s="93" t="s">
        <v>150</v>
      </c>
      <c r="D97" s="93" t="s">
        <v>186</v>
      </c>
      <c r="E97" s="261">
        <v>118</v>
      </c>
      <c r="F97" s="262">
        <v>125</v>
      </c>
      <c r="G97" s="262"/>
      <c r="H97" s="262"/>
      <c r="I97" s="262">
        <v>136</v>
      </c>
      <c r="J97" s="262">
        <v>11</v>
      </c>
      <c r="K97" s="264">
        <v>1.1499999999999999</v>
      </c>
      <c r="L97" s="265">
        <v>1.06</v>
      </c>
    </row>
    <row r="98" spans="2:12" x14ac:dyDescent="0.15">
      <c r="B98" s="213"/>
      <c r="C98" s="9" t="s">
        <v>93</v>
      </c>
      <c r="D98" s="93" t="s">
        <v>186</v>
      </c>
      <c r="E98" s="261">
        <v>158</v>
      </c>
      <c r="F98" s="262">
        <v>204</v>
      </c>
      <c r="G98" s="262"/>
      <c r="H98" s="262"/>
      <c r="I98" s="262">
        <v>184</v>
      </c>
      <c r="J98" s="262">
        <v>-20</v>
      </c>
      <c r="K98" s="264">
        <v>1.1599999999999999</v>
      </c>
      <c r="L98" s="265">
        <v>1.01</v>
      </c>
    </row>
    <row r="99" spans="2:12" ht="21.75" customHeight="1" x14ac:dyDescent="0.15">
      <c r="B99" s="213"/>
      <c r="C99" s="93" t="s">
        <v>188</v>
      </c>
      <c r="D99" s="93" t="s">
        <v>189</v>
      </c>
      <c r="E99" s="261">
        <v>199</v>
      </c>
      <c r="F99" s="262">
        <v>196</v>
      </c>
      <c r="G99" s="262"/>
      <c r="H99" s="262"/>
      <c r="I99" s="262">
        <v>213</v>
      </c>
      <c r="J99" s="262">
        <v>17</v>
      </c>
      <c r="K99" s="264">
        <v>1.07</v>
      </c>
      <c r="L99" s="265">
        <v>1.1499999999999999</v>
      </c>
    </row>
    <row r="100" spans="2:12" x14ac:dyDescent="0.15">
      <c r="B100" s="213"/>
      <c r="C100" s="295" t="s">
        <v>146</v>
      </c>
      <c r="D100" s="296" t="s">
        <v>190</v>
      </c>
      <c r="E100" s="261">
        <v>39</v>
      </c>
      <c r="F100" s="262">
        <v>67</v>
      </c>
      <c r="G100" s="262"/>
      <c r="H100" s="262"/>
      <c r="I100" s="262">
        <v>61</v>
      </c>
      <c r="J100" s="262">
        <v>-6</v>
      </c>
      <c r="K100" s="264">
        <v>1.56</v>
      </c>
      <c r="L100" s="265">
        <v>1.08</v>
      </c>
    </row>
    <row r="101" spans="2:12" x14ac:dyDescent="0.15">
      <c r="B101" s="213"/>
      <c r="C101" s="295"/>
      <c r="D101" s="297" t="s">
        <v>162</v>
      </c>
      <c r="E101" s="267">
        <v>238</v>
      </c>
      <c r="F101" s="268">
        <v>263</v>
      </c>
      <c r="G101" s="268"/>
      <c r="H101" s="268"/>
      <c r="I101" s="268">
        <v>274</v>
      </c>
      <c r="J101" s="268">
        <v>11</v>
      </c>
      <c r="K101" s="172">
        <v>1.1499999999999999</v>
      </c>
      <c r="L101" s="269">
        <v>1.1299999999999999</v>
      </c>
    </row>
    <row r="102" spans="2:12" ht="21.75" customHeight="1" x14ac:dyDescent="0.15">
      <c r="B102" s="213"/>
      <c r="C102" s="93" t="s">
        <v>191</v>
      </c>
      <c r="D102" s="93" t="s">
        <v>192</v>
      </c>
      <c r="E102" s="261">
        <v>118</v>
      </c>
      <c r="F102" s="262">
        <v>107</v>
      </c>
      <c r="G102" s="262"/>
      <c r="H102" s="262"/>
      <c r="I102" s="262">
        <v>139</v>
      </c>
      <c r="J102" s="262">
        <v>32</v>
      </c>
      <c r="K102" s="264">
        <v>1.18</v>
      </c>
      <c r="L102" s="265">
        <v>1.43</v>
      </c>
    </row>
    <row r="103" spans="2:12" ht="7.5" customHeight="1" x14ac:dyDescent="0.15">
      <c r="B103" s="270"/>
      <c r="C103" s="65"/>
      <c r="D103" s="298"/>
      <c r="E103" s="271"/>
      <c r="F103" s="109"/>
      <c r="G103" s="109"/>
      <c r="H103" s="109"/>
      <c r="I103" s="109"/>
      <c r="J103" s="109"/>
      <c r="K103" s="109"/>
      <c r="L103" s="299"/>
    </row>
    <row r="104" spans="2:12" ht="7.5" customHeight="1" x14ac:dyDescent="0.15">
      <c r="B104" s="213"/>
      <c r="C104" s="281"/>
      <c r="D104" s="281"/>
      <c r="E104" s="261"/>
      <c r="L104" s="300"/>
    </row>
    <row r="105" spans="2:12" ht="14.25" customHeight="1" x14ac:dyDescent="0.15">
      <c r="B105" s="213"/>
      <c r="C105" s="275" t="s">
        <v>138</v>
      </c>
      <c r="D105" s="276"/>
      <c r="E105" s="267">
        <v>1026</v>
      </c>
      <c r="F105" s="268">
        <v>1041</v>
      </c>
      <c r="G105" s="268"/>
      <c r="H105" s="268"/>
      <c r="I105" s="268">
        <v>1078</v>
      </c>
      <c r="J105" s="268">
        <v>37</v>
      </c>
      <c r="K105" s="172">
        <v>1.05</v>
      </c>
      <c r="L105" s="269">
        <v>1.03</v>
      </c>
    </row>
    <row r="106" spans="2:12" ht="7.5" customHeight="1" x14ac:dyDescent="0.15">
      <c r="B106" s="218"/>
      <c r="C106" s="301"/>
      <c r="D106" s="301"/>
      <c r="E106" s="282"/>
      <c r="F106" s="283"/>
      <c r="G106" s="283"/>
      <c r="H106" s="283"/>
      <c r="I106" s="283"/>
      <c r="J106" s="283"/>
      <c r="K106" s="283"/>
      <c r="L106" s="257"/>
    </row>
    <row r="107" spans="2:12" ht="7.15" customHeight="1" x14ac:dyDescent="0.15">
      <c r="B107" s="302"/>
      <c r="C107" s="302"/>
      <c r="D107" s="302"/>
      <c r="E107" s="302"/>
      <c r="F107" s="302"/>
      <c r="G107" s="302"/>
      <c r="H107" s="302"/>
      <c r="I107" s="302"/>
      <c r="J107" s="302"/>
      <c r="K107" s="302"/>
      <c r="L107" s="302"/>
    </row>
    <row r="108" spans="2:12" ht="9.6" customHeight="1" x14ac:dyDescent="0.15"/>
    <row r="109" spans="2:12" ht="14.25" customHeight="1" x14ac:dyDescent="0.15">
      <c r="B109" s="93" t="s">
        <v>193</v>
      </c>
    </row>
    <row r="110" spans="2:12" ht="7.5" customHeight="1" x14ac:dyDescent="0.15">
      <c r="B110" s="210"/>
      <c r="C110" s="99"/>
      <c r="D110" s="99"/>
      <c r="E110" s="14"/>
      <c r="F110" s="15"/>
      <c r="G110" s="15"/>
      <c r="H110" s="15"/>
      <c r="I110" s="15"/>
      <c r="J110" s="15"/>
      <c r="K110" s="15"/>
      <c r="L110" s="16"/>
    </row>
    <row r="111" spans="2:12" ht="14.25" customHeight="1" x14ac:dyDescent="0.15">
      <c r="B111" s="213"/>
      <c r="E111" s="21"/>
      <c r="F111" s="22" t="s">
        <v>115</v>
      </c>
      <c r="G111" s="23" t="s">
        <v>5</v>
      </c>
      <c r="H111" s="24"/>
      <c r="I111" s="24"/>
      <c r="J111" s="25"/>
      <c r="K111" s="23" t="s">
        <v>5</v>
      </c>
      <c r="L111" s="26" t="s">
        <v>6</v>
      </c>
    </row>
    <row r="112" spans="2:12" ht="14.25" customHeight="1" x14ac:dyDescent="0.15">
      <c r="B112" s="213"/>
      <c r="C112" s="93" t="s">
        <v>7</v>
      </c>
      <c r="D112" s="93" t="s">
        <v>141</v>
      </c>
      <c r="E112" s="30" t="s">
        <v>8</v>
      </c>
      <c r="F112" s="31" t="s">
        <v>9</v>
      </c>
      <c r="G112" s="32" t="s">
        <v>9</v>
      </c>
      <c r="H112" s="32"/>
      <c r="I112" s="32"/>
      <c r="J112" s="33" t="s">
        <v>10</v>
      </c>
      <c r="K112" s="34" t="s">
        <v>11</v>
      </c>
      <c r="L112" s="26"/>
    </row>
    <row r="113" spans="2:12" ht="14.25" customHeight="1" x14ac:dyDescent="0.15">
      <c r="B113" s="213"/>
      <c r="C113" s="94"/>
      <c r="D113" s="94"/>
      <c r="E113" s="30" t="s">
        <v>13</v>
      </c>
      <c r="F113" s="31" t="s">
        <v>14</v>
      </c>
      <c r="G113" s="35" t="s">
        <v>15</v>
      </c>
      <c r="H113" s="36"/>
      <c r="I113" s="37"/>
      <c r="J113" s="31"/>
      <c r="K113" s="34" t="s">
        <v>16</v>
      </c>
      <c r="L113" s="26"/>
    </row>
    <row r="114" spans="2:12" ht="7.5" customHeight="1" x14ac:dyDescent="0.15">
      <c r="B114" s="213"/>
      <c r="C114" s="86"/>
      <c r="D114" s="86"/>
      <c r="E114" s="41"/>
      <c r="F114" s="239"/>
      <c r="G114" s="43"/>
      <c r="H114" s="40"/>
      <c r="I114" s="44"/>
      <c r="J114" s="239"/>
      <c r="K114" s="239"/>
      <c r="L114" s="46"/>
    </row>
    <row r="115" spans="2:12" ht="7.5" customHeight="1" x14ac:dyDescent="0.15">
      <c r="B115" s="210"/>
      <c r="C115" s="94"/>
      <c r="D115" s="94"/>
      <c r="E115" s="49"/>
      <c r="F115" s="3"/>
      <c r="G115" s="3"/>
      <c r="H115" s="3"/>
      <c r="I115" s="3"/>
      <c r="J115" s="3"/>
      <c r="K115" s="3"/>
      <c r="L115" s="260"/>
    </row>
    <row r="116" spans="2:12" ht="14.25" customHeight="1" x14ac:dyDescent="0.15">
      <c r="B116" s="213"/>
      <c r="C116" s="235" t="s">
        <v>194</v>
      </c>
      <c r="D116" s="235" t="s">
        <v>195</v>
      </c>
      <c r="E116" s="261">
        <v>38</v>
      </c>
      <c r="F116" s="262">
        <v>49</v>
      </c>
      <c r="G116" s="262"/>
      <c r="H116" s="262"/>
      <c r="I116" s="262">
        <v>47</v>
      </c>
      <c r="J116" s="262">
        <v>-2</v>
      </c>
      <c r="K116" s="264">
        <v>1.24</v>
      </c>
      <c r="L116" s="265">
        <v>0.97</v>
      </c>
    </row>
    <row r="117" spans="2:12" x14ac:dyDescent="0.15">
      <c r="B117" s="213"/>
      <c r="C117" s="235" t="s">
        <v>144</v>
      </c>
      <c r="D117" s="235" t="s">
        <v>196</v>
      </c>
      <c r="E117" s="261">
        <v>38</v>
      </c>
      <c r="F117" s="262">
        <v>22</v>
      </c>
      <c r="G117" s="262"/>
      <c r="H117" s="262"/>
      <c r="I117" s="262">
        <v>23</v>
      </c>
      <c r="J117" s="262">
        <v>1</v>
      </c>
      <c r="K117" s="264">
        <v>0.61</v>
      </c>
      <c r="L117" s="265">
        <v>0.54</v>
      </c>
    </row>
    <row r="118" spans="2:12" x14ac:dyDescent="0.15">
      <c r="B118" s="213"/>
      <c r="C118" s="235" t="s">
        <v>144</v>
      </c>
      <c r="D118" s="235" t="s">
        <v>197</v>
      </c>
      <c r="E118" s="261">
        <v>38</v>
      </c>
      <c r="F118" s="262">
        <v>44</v>
      </c>
      <c r="G118" s="262"/>
      <c r="H118" s="262"/>
      <c r="I118" s="262">
        <v>41</v>
      </c>
      <c r="J118" s="262">
        <v>-3</v>
      </c>
      <c r="K118" s="264">
        <v>1.08</v>
      </c>
      <c r="L118" s="265">
        <v>1.31</v>
      </c>
    </row>
    <row r="119" spans="2:12" x14ac:dyDescent="0.15">
      <c r="B119" s="213"/>
      <c r="C119" s="235" t="s">
        <v>144</v>
      </c>
      <c r="D119" s="235" t="s">
        <v>198</v>
      </c>
      <c r="E119" s="261">
        <v>38</v>
      </c>
      <c r="F119" s="262">
        <v>26</v>
      </c>
      <c r="G119" s="262"/>
      <c r="H119" s="262"/>
      <c r="I119" s="262">
        <v>30</v>
      </c>
      <c r="J119" s="262">
        <v>4</v>
      </c>
      <c r="K119" s="264">
        <v>0.79</v>
      </c>
      <c r="L119" s="265">
        <v>1.31</v>
      </c>
    </row>
    <row r="120" spans="2:12" ht="4.5" customHeight="1" x14ac:dyDescent="0.15">
      <c r="B120" s="213"/>
      <c r="C120" s="235"/>
      <c r="D120" s="303"/>
      <c r="E120" s="304"/>
      <c r="L120" s="300"/>
    </row>
    <row r="121" spans="2:12" ht="13.5" customHeight="1" x14ac:dyDescent="0.15">
      <c r="B121" s="213"/>
      <c r="C121" s="266"/>
      <c r="D121" s="305" t="s">
        <v>162</v>
      </c>
      <c r="E121" s="267">
        <v>152</v>
      </c>
      <c r="F121" s="268">
        <v>141</v>
      </c>
      <c r="G121" s="268"/>
      <c r="H121" s="268"/>
      <c r="I121" s="268">
        <v>141</v>
      </c>
      <c r="J121" s="268">
        <v>0</v>
      </c>
      <c r="K121" s="172">
        <v>0.93</v>
      </c>
      <c r="L121" s="269">
        <v>1.03</v>
      </c>
    </row>
    <row r="122" spans="2:12" ht="7.5" customHeight="1" x14ac:dyDescent="0.15">
      <c r="B122" s="218"/>
      <c r="C122" s="85"/>
      <c r="D122" s="306"/>
      <c r="E122" s="282"/>
      <c r="F122" s="283"/>
      <c r="G122" s="283"/>
      <c r="H122" s="283"/>
      <c r="I122" s="283"/>
      <c r="J122" s="283"/>
      <c r="K122" s="283"/>
      <c r="L122" s="257"/>
    </row>
    <row r="123" spans="2:12" ht="7.5" customHeight="1" x14ac:dyDescent="0.15">
      <c r="B123" s="307"/>
    </row>
    <row r="124" spans="2:12" ht="14.25" customHeight="1" x14ac:dyDescent="0.15"/>
    <row r="125" spans="2:12" ht="14.25" customHeight="1" x14ac:dyDescent="0.15">
      <c r="B125" s="93" t="s">
        <v>199</v>
      </c>
    </row>
    <row r="126" spans="2:12" ht="7.5" customHeight="1" x14ac:dyDescent="0.15">
      <c r="B126" s="210"/>
      <c r="C126" s="99"/>
      <c r="D126" s="99"/>
      <c r="E126" s="14"/>
      <c r="F126" s="15"/>
      <c r="G126" s="15"/>
      <c r="H126" s="15"/>
      <c r="I126" s="15"/>
      <c r="J126" s="15"/>
      <c r="K126" s="15"/>
      <c r="L126" s="16"/>
    </row>
    <row r="127" spans="2:12" ht="14.25" customHeight="1" x14ac:dyDescent="0.15">
      <c r="B127" s="213"/>
      <c r="E127" s="21"/>
      <c r="F127" s="22" t="s">
        <v>115</v>
      </c>
      <c r="G127" s="23" t="s">
        <v>5</v>
      </c>
      <c r="H127" s="24"/>
      <c r="I127" s="24"/>
      <c r="J127" s="25"/>
      <c r="K127" s="23" t="s">
        <v>5</v>
      </c>
      <c r="L127" s="26" t="s">
        <v>6</v>
      </c>
    </row>
    <row r="128" spans="2:12" ht="14.25" customHeight="1" x14ac:dyDescent="0.15">
      <c r="B128" s="213"/>
      <c r="C128" s="93" t="s">
        <v>7</v>
      </c>
      <c r="D128" s="93" t="s">
        <v>141</v>
      </c>
      <c r="E128" s="30" t="s">
        <v>8</v>
      </c>
      <c r="F128" s="31" t="s">
        <v>9</v>
      </c>
      <c r="G128" s="32" t="s">
        <v>9</v>
      </c>
      <c r="H128" s="32"/>
      <c r="I128" s="32"/>
      <c r="J128" s="33" t="s">
        <v>10</v>
      </c>
      <c r="K128" s="34" t="s">
        <v>11</v>
      </c>
      <c r="L128" s="26"/>
    </row>
    <row r="129" spans="2:12" ht="14.25" customHeight="1" x14ac:dyDescent="0.15">
      <c r="B129" s="213"/>
      <c r="C129" s="94"/>
      <c r="D129" s="94"/>
      <c r="E129" s="30" t="s">
        <v>13</v>
      </c>
      <c r="F129" s="31" t="s">
        <v>14</v>
      </c>
      <c r="G129" s="35" t="s">
        <v>15</v>
      </c>
      <c r="H129" s="36"/>
      <c r="I129" s="37"/>
      <c r="J129" s="31"/>
      <c r="K129" s="34" t="s">
        <v>16</v>
      </c>
      <c r="L129" s="26"/>
    </row>
    <row r="130" spans="2:12" ht="7.5" customHeight="1" x14ac:dyDescent="0.15">
      <c r="B130" s="218"/>
      <c r="C130" s="86"/>
      <c r="D130" s="88"/>
      <c r="E130" s="41"/>
      <c r="F130" s="239"/>
      <c r="G130" s="43"/>
      <c r="H130" s="40"/>
      <c r="I130" s="44"/>
      <c r="J130" s="239"/>
      <c r="K130" s="239"/>
      <c r="L130" s="46"/>
    </row>
    <row r="131" spans="2:12" ht="7.5" customHeight="1" x14ac:dyDescent="0.15">
      <c r="B131" s="213"/>
      <c r="C131" s="94"/>
      <c r="D131" s="94"/>
      <c r="E131" s="49"/>
      <c r="F131" s="3"/>
      <c r="G131" s="3"/>
      <c r="H131" s="3"/>
      <c r="I131" s="3"/>
      <c r="J131" s="3"/>
      <c r="K131" s="3"/>
      <c r="L131" s="260"/>
    </row>
    <row r="132" spans="2:12" ht="14.25" customHeight="1" x14ac:dyDescent="0.15">
      <c r="B132" s="213"/>
      <c r="C132" s="93" t="s">
        <v>200</v>
      </c>
      <c r="D132" s="93" t="s">
        <v>201</v>
      </c>
      <c r="E132" s="261">
        <v>39</v>
      </c>
      <c r="F132" s="262">
        <v>29</v>
      </c>
      <c r="G132" s="262"/>
      <c r="H132" s="262"/>
      <c r="I132" s="262">
        <v>31</v>
      </c>
      <c r="J132" s="262">
        <v>2</v>
      </c>
      <c r="K132" s="264">
        <v>0.79</v>
      </c>
      <c r="L132" s="308">
        <v>1.26</v>
      </c>
    </row>
    <row r="133" spans="2:12" ht="7.5" customHeight="1" x14ac:dyDescent="0.15">
      <c r="B133" s="218"/>
      <c r="C133" s="85"/>
      <c r="D133" s="85"/>
      <c r="E133" s="282"/>
      <c r="F133" s="283"/>
      <c r="G133" s="283"/>
      <c r="H133" s="283"/>
      <c r="I133" s="283"/>
      <c r="J133" s="283"/>
      <c r="K133" s="283"/>
      <c r="L133" s="257"/>
    </row>
    <row r="134" spans="2:12" ht="14.25" customHeight="1" x14ac:dyDescent="0.15">
      <c r="L134" s="209"/>
    </row>
    <row r="135" spans="2:12" ht="7.5" customHeight="1" x14ac:dyDescent="0.15"/>
    <row r="136" spans="2:12" ht="14.25" customHeight="1" x14ac:dyDescent="0.15">
      <c r="B136" s="93" t="s">
        <v>202</v>
      </c>
    </row>
    <row r="137" spans="2:12" ht="7.5" customHeight="1" x14ac:dyDescent="0.15">
      <c r="B137" s="210"/>
      <c r="C137" s="99"/>
      <c r="D137" s="99"/>
      <c r="E137" s="14"/>
      <c r="F137" s="15"/>
      <c r="G137" s="15"/>
      <c r="H137" s="15"/>
      <c r="I137" s="15"/>
      <c r="J137" s="15"/>
      <c r="K137" s="15"/>
      <c r="L137" s="16"/>
    </row>
    <row r="138" spans="2:12" ht="14.25" customHeight="1" x14ac:dyDescent="0.15">
      <c r="B138" s="213"/>
      <c r="E138" s="21"/>
      <c r="F138" s="22" t="s">
        <v>115</v>
      </c>
      <c r="G138" s="23" t="s">
        <v>5</v>
      </c>
      <c r="H138" s="24"/>
      <c r="I138" s="24"/>
      <c r="J138" s="25"/>
      <c r="K138" s="23" t="s">
        <v>5</v>
      </c>
      <c r="L138" s="26" t="s">
        <v>6</v>
      </c>
    </row>
    <row r="139" spans="2:12" ht="14.25" customHeight="1" x14ac:dyDescent="0.15">
      <c r="B139" s="213"/>
      <c r="C139" s="93" t="s">
        <v>7</v>
      </c>
      <c r="D139" s="93" t="s">
        <v>141</v>
      </c>
      <c r="E139" s="30" t="s">
        <v>8</v>
      </c>
      <c r="F139" s="31" t="s">
        <v>9</v>
      </c>
      <c r="G139" s="32" t="s">
        <v>9</v>
      </c>
      <c r="H139" s="32"/>
      <c r="I139" s="32"/>
      <c r="J139" s="33" t="s">
        <v>10</v>
      </c>
      <c r="K139" s="34" t="s">
        <v>11</v>
      </c>
      <c r="L139" s="26"/>
    </row>
    <row r="140" spans="2:12" ht="14.25" customHeight="1" x14ac:dyDescent="0.15">
      <c r="B140" s="213"/>
      <c r="C140" s="94"/>
      <c r="D140" s="94"/>
      <c r="E140" s="30" t="s">
        <v>13</v>
      </c>
      <c r="F140" s="31" t="s">
        <v>14</v>
      </c>
      <c r="G140" s="35" t="s">
        <v>15</v>
      </c>
      <c r="H140" s="36"/>
      <c r="I140" s="37"/>
      <c r="J140" s="31"/>
      <c r="K140" s="34" t="s">
        <v>16</v>
      </c>
      <c r="L140" s="26"/>
    </row>
    <row r="141" spans="2:12" ht="7.5" customHeight="1" x14ac:dyDescent="0.15">
      <c r="B141" s="218"/>
      <c r="C141" s="86"/>
      <c r="D141" s="86"/>
      <c r="E141" s="41"/>
      <c r="F141" s="239"/>
      <c r="G141" s="43"/>
      <c r="H141" s="40"/>
      <c r="I141" s="44"/>
      <c r="J141" s="239"/>
      <c r="K141" s="239"/>
      <c r="L141" s="46"/>
    </row>
    <row r="142" spans="2:12" ht="7.5" customHeight="1" x14ac:dyDescent="0.15">
      <c r="B142" s="213"/>
      <c r="C142" s="94"/>
      <c r="D142" s="94"/>
      <c r="E142" s="49"/>
      <c r="F142" s="3"/>
      <c r="G142" s="3"/>
      <c r="H142" s="3"/>
      <c r="I142" s="3"/>
      <c r="J142" s="3"/>
      <c r="K142" s="3"/>
      <c r="L142" s="260"/>
    </row>
    <row r="143" spans="2:12" ht="14.25" customHeight="1" x14ac:dyDescent="0.15">
      <c r="B143" s="213"/>
      <c r="C143" s="295" t="s">
        <v>33</v>
      </c>
      <c r="D143" s="93" t="s">
        <v>203</v>
      </c>
      <c r="E143" s="261">
        <v>38</v>
      </c>
      <c r="F143" s="262">
        <v>29</v>
      </c>
      <c r="G143" s="262"/>
      <c r="H143" s="262"/>
      <c r="I143" s="262">
        <v>28</v>
      </c>
      <c r="J143" s="262">
        <v>-1</v>
      </c>
      <c r="K143" s="264">
        <v>0.74</v>
      </c>
      <c r="L143" s="265">
        <v>0.92</v>
      </c>
    </row>
    <row r="144" spans="2:12" ht="14.25" customHeight="1" x14ac:dyDescent="0.15">
      <c r="B144" s="213"/>
      <c r="C144" s="93" t="s">
        <v>204</v>
      </c>
      <c r="D144" s="93" t="s">
        <v>205</v>
      </c>
      <c r="E144" s="261">
        <v>78</v>
      </c>
      <c r="F144" s="262">
        <v>47</v>
      </c>
      <c r="G144" s="262"/>
      <c r="H144" s="262"/>
      <c r="I144" s="262">
        <v>48</v>
      </c>
      <c r="J144" s="262">
        <v>1</v>
      </c>
      <c r="K144" s="264">
        <v>0.62</v>
      </c>
      <c r="L144" s="265">
        <v>0.67</v>
      </c>
    </row>
    <row r="145" spans="2:12" ht="14.25" customHeight="1" x14ac:dyDescent="0.15">
      <c r="B145" s="213"/>
      <c r="C145" s="93" t="s">
        <v>113</v>
      </c>
      <c r="D145" s="93" t="s">
        <v>203</v>
      </c>
      <c r="E145" s="261">
        <v>38</v>
      </c>
      <c r="F145" s="262">
        <v>16</v>
      </c>
      <c r="G145" s="262"/>
      <c r="H145" s="262"/>
      <c r="I145" s="262">
        <v>15</v>
      </c>
      <c r="J145" s="262">
        <v>-1</v>
      </c>
      <c r="K145" s="264">
        <v>0.39</v>
      </c>
      <c r="L145" s="265">
        <v>0.66</v>
      </c>
    </row>
    <row r="146" spans="2:12" ht="21" customHeight="1" x14ac:dyDescent="0.15">
      <c r="B146" s="213"/>
      <c r="C146" s="93" t="s">
        <v>200</v>
      </c>
      <c r="D146" s="93" t="s">
        <v>203</v>
      </c>
      <c r="E146" s="261">
        <v>39</v>
      </c>
      <c r="F146" s="262">
        <v>36</v>
      </c>
      <c r="G146" s="262"/>
      <c r="H146" s="262"/>
      <c r="I146" s="262">
        <v>37</v>
      </c>
      <c r="J146" s="262">
        <v>1</v>
      </c>
      <c r="K146" s="264">
        <v>0.95</v>
      </c>
      <c r="L146" s="265">
        <v>0.79</v>
      </c>
    </row>
    <row r="147" spans="2:12" ht="7.5" customHeight="1" x14ac:dyDescent="0.15">
      <c r="B147" s="213"/>
      <c r="E147" s="261"/>
      <c r="L147" s="309"/>
    </row>
    <row r="148" spans="2:12" ht="7.5" customHeight="1" x14ac:dyDescent="0.15">
      <c r="B148" s="289"/>
      <c r="C148" s="74"/>
      <c r="D148" s="74"/>
      <c r="E148" s="290"/>
      <c r="F148" s="291"/>
      <c r="G148" s="291"/>
      <c r="H148" s="291"/>
      <c r="I148" s="291"/>
      <c r="J148" s="291"/>
      <c r="K148" s="291"/>
      <c r="L148" s="310"/>
    </row>
    <row r="149" spans="2:12" ht="14.25" customHeight="1" x14ac:dyDescent="0.15">
      <c r="B149" s="213"/>
      <c r="C149" s="275" t="s">
        <v>138</v>
      </c>
      <c r="D149" s="276"/>
      <c r="E149" s="267">
        <v>193</v>
      </c>
      <c r="F149" s="268">
        <v>128</v>
      </c>
      <c r="G149" s="268"/>
      <c r="H149" s="268"/>
      <c r="I149" s="268">
        <v>128</v>
      </c>
      <c r="J149" s="268">
        <v>0</v>
      </c>
      <c r="K149" s="172">
        <v>0.66</v>
      </c>
      <c r="L149" s="269">
        <v>0.74</v>
      </c>
    </row>
    <row r="150" spans="2:12" ht="7.5" customHeight="1" x14ac:dyDescent="0.15">
      <c r="B150" s="218"/>
      <c r="C150" s="301"/>
      <c r="D150" s="301"/>
      <c r="E150" s="282"/>
      <c r="F150" s="283"/>
      <c r="G150" s="283"/>
      <c r="H150" s="283"/>
      <c r="I150" s="283"/>
      <c r="J150" s="283"/>
      <c r="K150" s="283"/>
      <c r="L150" s="257"/>
    </row>
    <row r="151" spans="2:12" ht="16.5" customHeight="1" x14ac:dyDescent="0.15"/>
    <row r="152" spans="2:12" ht="14.25" customHeight="1" x14ac:dyDescent="0.15">
      <c r="B152" s="93" t="s">
        <v>206</v>
      </c>
    </row>
    <row r="153" spans="2:12" ht="7.5" customHeight="1" x14ac:dyDescent="0.15">
      <c r="B153" s="210"/>
      <c r="C153" s="99"/>
      <c r="D153" s="99"/>
      <c r="E153" s="14"/>
      <c r="F153" s="15"/>
      <c r="G153" s="15"/>
      <c r="H153" s="15"/>
      <c r="I153" s="15"/>
      <c r="J153" s="15"/>
      <c r="K153" s="15"/>
      <c r="L153" s="16"/>
    </row>
    <row r="154" spans="2:12" ht="14.25" customHeight="1" x14ac:dyDescent="0.15">
      <c r="B154" s="213"/>
      <c r="E154" s="21"/>
      <c r="F154" s="22" t="s">
        <v>115</v>
      </c>
      <c r="G154" s="23" t="s">
        <v>5</v>
      </c>
      <c r="H154" s="24"/>
      <c r="I154" s="24"/>
      <c r="J154" s="25"/>
      <c r="K154" s="23" t="s">
        <v>5</v>
      </c>
      <c r="L154" s="26" t="s">
        <v>6</v>
      </c>
    </row>
    <row r="155" spans="2:12" ht="14.25" customHeight="1" x14ac:dyDescent="0.15">
      <c r="B155" s="213"/>
      <c r="C155" s="93" t="s">
        <v>7</v>
      </c>
      <c r="D155" s="93" t="s">
        <v>141</v>
      </c>
      <c r="E155" s="30" t="s">
        <v>8</v>
      </c>
      <c r="F155" s="31" t="s">
        <v>9</v>
      </c>
      <c r="G155" s="32" t="s">
        <v>9</v>
      </c>
      <c r="H155" s="32"/>
      <c r="I155" s="32"/>
      <c r="J155" s="33" t="s">
        <v>10</v>
      </c>
      <c r="K155" s="34" t="s">
        <v>11</v>
      </c>
      <c r="L155" s="26"/>
    </row>
    <row r="156" spans="2:12" ht="14.25" customHeight="1" x14ac:dyDescent="0.15">
      <c r="B156" s="213"/>
      <c r="C156" s="94"/>
      <c r="D156" s="94"/>
      <c r="E156" s="30" t="s">
        <v>13</v>
      </c>
      <c r="F156" s="31" t="s">
        <v>14</v>
      </c>
      <c r="G156" s="35" t="s">
        <v>15</v>
      </c>
      <c r="H156" s="36"/>
      <c r="I156" s="37"/>
      <c r="J156" s="31"/>
      <c r="K156" s="34" t="s">
        <v>16</v>
      </c>
      <c r="L156" s="26"/>
    </row>
    <row r="157" spans="2:12" ht="7.5" customHeight="1" x14ac:dyDescent="0.15">
      <c r="B157" s="218"/>
      <c r="C157" s="86"/>
      <c r="D157" s="88"/>
      <c r="E157" s="41"/>
      <c r="F157" s="239"/>
      <c r="G157" s="43"/>
      <c r="H157" s="40"/>
      <c r="I157" s="44"/>
      <c r="J157" s="239"/>
      <c r="K157" s="239"/>
      <c r="L157" s="46"/>
    </row>
    <row r="158" spans="2:12" ht="7.5" customHeight="1" x14ac:dyDescent="0.15">
      <c r="B158" s="213"/>
      <c r="C158" s="100"/>
      <c r="D158" s="100"/>
      <c r="E158" s="49"/>
      <c r="F158" s="15"/>
      <c r="G158" s="15"/>
      <c r="H158" s="15"/>
      <c r="I158" s="15"/>
      <c r="J158" s="15"/>
      <c r="K158" s="15"/>
      <c r="L158" s="260"/>
    </row>
    <row r="159" spans="2:12" ht="14.25" customHeight="1" x14ac:dyDescent="0.15">
      <c r="B159" s="213"/>
      <c r="C159" s="93" t="s">
        <v>207</v>
      </c>
      <c r="D159" s="93" t="s">
        <v>208</v>
      </c>
      <c r="E159" s="261">
        <v>39</v>
      </c>
      <c r="F159" s="262">
        <v>57</v>
      </c>
      <c r="G159" s="262"/>
      <c r="H159" s="262"/>
      <c r="I159" s="262">
        <v>53</v>
      </c>
      <c r="J159" s="262">
        <v>-4</v>
      </c>
      <c r="K159" s="264">
        <v>1.36</v>
      </c>
      <c r="L159" s="265">
        <v>1</v>
      </c>
    </row>
    <row r="160" spans="2:12" ht="7.5" customHeight="1" x14ac:dyDescent="0.15">
      <c r="B160" s="218"/>
      <c r="C160" s="85"/>
      <c r="D160" s="85"/>
      <c r="E160" s="282"/>
      <c r="F160" s="283"/>
      <c r="G160" s="283"/>
      <c r="H160" s="283"/>
      <c r="I160" s="283"/>
      <c r="J160" s="283"/>
      <c r="K160" s="283"/>
      <c r="L160" s="257"/>
    </row>
    <row r="161" spans="2:12" ht="14.25" customHeight="1" x14ac:dyDescent="0.15">
      <c r="L161" s="209"/>
    </row>
    <row r="162" spans="2:12" ht="7.5" customHeight="1" x14ac:dyDescent="0.15"/>
    <row r="163" spans="2:12" ht="14.25" customHeight="1" x14ac:dyDescent="0.15">
      <c r="B163" s="93" t="s">
        <v>209</v>
      </c>
    </row>
    <row r="164" spans="2:12" ht="7.5" customHeight="1" x14ac:dyDescent="0.15">
      <c r="B164" s="210"/>
      <c r="C164" s="99"/>
      <c r="D164" s="99"/>
      <c r="E164" s="14"/>
      <c r="F164" s="15"/>
      <c r="G164" s="15"/>
      <c r="H164" s="15"/>
      <c r="I164" s="15"/>
      <c r="J164" s="15"/>
      <c r="K164" s="15"/>
      <c r="L164" s="16"/>
    </row>
    <row r="165" spans="2:12" ht="14.25" customHeight="1" x14ac:dyDescent="0.15">
      <c r="B165" s="213"/>
      <c r="E165" s="21"/>
      <c r="F165" s="22" t="s">
        <v>115</v>
      </c>
      <c r="G165" s="23" t="s">
        <v>5</v>
      </c>
      <c r="H165" s="24"/>
      <c r="I165" s="24"/>
      <c r="J165" s="25"/>
      <c r="K165" s="23" t="s">
        <v>5</v>
      </c>
      <c r="L165" s="26" t="s">
        <v>6</v>
      </c>
    </row>
    <row r="166" spans="2:12" ht="14.25" customHeight="1" x14ac:dyDescent="0.15">
      <c r="B166" s="213"/>
      <c r="C166" s="93" t="s">
        <v>7</v>
      </c>
      <c r="D166" s="93" t="s">
        <v>141</v>
      </c>
      <c r="E166" s="30" t="s">
        <v>8</v>
      </c>
      <c r="F166" s="31" t="s">
        <v>9</v>
      </c>
      <c r="G166" s="32" t="s">
        <v>9</v>
      </c>
      <c r="H166" s="32"/>
      <c r="I166" s="32"/>
      <c r="J166" s="33" t="s">
        <v>10</v>
      </c>
      <c r="K166" s="34" t="s">
        <v>11</v>
      </c>
      <c r="L166" s="26"/>
    </row>
    <row r="167" spans="2:12" ht="14.25" customHeight="1" x14ac:dyDescent="0.15">
      <c r="B167" s="213"/>
      <c r="C167" s="94"/>
      <c r="D167" s="94"/>
      <c r="E167" s="30" t="s">
        <v>13</v>
      </c>
      <c r="F167" s="31" t="s">
        <v>14</v>
      </c>
      <c r="G167" s="35" t="s">
        <v>15</v>
      </c>
      <c r="H167" s="36"/>
      <c r="I167" s="37"/>
      <c r="J167" s="31"/>
      <c r="K167" s="34" t="s">
        <v>16</v>
      </c>
      <c r="L167" s="26"/>
    </row>
    <row r="168" spans="2:12" ht="7.5" customHeight="1" x14ac:dyDescent="0.15">
      <c r="B168" s="218"/>
      <c r="C168" s="86"/>
      <c r="D168" s="86"/>
      <c r="E168" s="41"/>
      <c r="F168" s="239"/>
      <c r="G168" s="43"/>
      <c r="H168" s="40"/>
      <c r="I168" s="44"/>
      <c r="J168" s="239"/>
      <c r="K168" s="239"/>
      <c r="L168" s="46"/>
    </row>
    <row r="169" spans="2:12" ht="7.5" customHeight="1" x14ac:dyDescent="0.15">
      <c r="B169" s="213"/>
      <c r="C169" s="94"/>
      <c r="D169" s="94"/>
      <c r="E169" s="49"/>
      <c r="F169" s="3"/>
      <c r="G169" s="3"/>
      <c r="H169" s="3"/>
      <c r="I169" s="3"/>
      <c r="J169" s="3"/>
      <c r="K169" s="3"/>
      <c r="L169" s="260"/>
    </row>
    <row r="170" spans="2:12" ht="14.25" customHeight="1" x14ac:dyDescent="0.15">
      <c r="B170" s="213"/>
      <c r="C170" s="110" t="s">
        <v>210</v>
      </c>
      <c r="D170" s="110" t="s">
        <v>211</v>
      </c>
      <c r="E170" s="261">
        <v>38</v>
      </c>
      <c r="F170" s="262">
        <v>47</v>
      </c>
      <c r="G170" s="262"/>
      <c r="H170" s="262"/>
      <c r="I170" s="262">
        <v>46</v>
      </c>
      <c r="J170" s="262">
        <v>-1</v>
      </c>
      <c r="K170" s="264">
        <v>1.21</v>
      </c>
      <c r="L170" s="265">
        <v>1.26</v>
      </c>
    </row>
    <row r="171" spans="2:12" ht="20.25" customHeight="1" x14ac:dyDescent="0.15">
      <c r="B171" s="213"/>
      <c r="C171" s="93" t="s">
        <v>212</v>
      </c>
      <c r="D171" s="93" t="s">
        <v>213</v>
      </c>
      <c r="E171" s="261">
        <v>39</v>
      </c>
      <c r="F171" s="262">
        <v>48</v>
      </c>
      <c r="G171" s="262"/>
      <c r="H171" s="262"/>
      <c r="I171" s="262">
        <v>49</v>
      </c>
      <c r="J171" s="262">
        <v>1</v>
      </c>
      <c r="K171" s="264">
        <v>1.26</v>
      </c>
      <c r="L171" s="265">
        <v>1.41</v>
      </c>
    </row>
    <row r="172" spans="2:12" ht="7.5" customHeight="1" x14ac:dyDescent="0.15">
      <c r="B172" s="270"/>
      <c r="C172" s="65"/>
      <c r="D172" s="65"/>
      <c r="E172" s="311"/>
      <c r="F172" s="109"/>
      <c r="G172" s="109"/>
      <c r="H172" s="109"/>
      <c r="I172" s="109"/>
      <c r="J172" s="109"/>
      <c r="K172" s="109"/>
      <c r="L172" s="312"/>
    </row>
    <row r="173" spans="2:12" ht="7.5" customHeight="1" x14ac:dyDescent="0.15">
      <c r="B173" s="313"/>
      <c r="C173" s="9"/>
      <c r="D173" s="9"/>
      <c r="E173" s="304"/>
      <c r="L173" s="238"/>
    </row>
    <row r="174" spans="2:12" ht="14.25" customHeight="1" x14ac:dyDescent="0.15">
      <c r="B174" s="313"/>
      <c r="C174" s="314" t="s">
        <v>138</v>
      </c>
      <c r="D174" s="315"/>
      <c r="E174" s="267">
        <v>77</v>
      </c>
      <c r="F174" s="268">
        <v>95</v>
      </c>
      <c r="G174" s="268"/>
      <c r="H174" s="268"/>
      <c r="I174" s="268">
        <v>95</v>
      </c>
      <c r="J174" s="268">
        <v>0</v>
      </c>
      <c r="K174" s="172">
        <v>1.23</v>
      </c>
      <c r="L174" s="269">
        <v>1.33</v>
      </c>
    </row>
    <row r="175" spans="2:12" ht="7.5" customHeight="1" x14ac:dyDescent="0.15">
      <c r="B175" s="285"/>
      <c r="C175" s="316"/>
      <c r="D175" s="316"/>
      <c r="E175" s="282"/>
      <c r="F175" s="283"/>
      <c r="G175" s="283"/>
      <c r="H175" s="283"/>
      <c r="I175" s="283"/>
      <c r="J175" s="283"/>
      <c r="K175" s="283"/>
      <c r="L175" s="257"/>
    </row>
    <row r="176" spans="2:12" ht="14.25" customHeight="1" x14ac:dyDescent="0.15"/>
    <row r="177" spans="2:12" ht="7.5" customHeight="1" x14ac:dyDescent="0.15"/>
    <row r="178" spans="2:12" ht="14.25" customHeight="1" x14ac:dyDescent="0.15">
      <c r="B178" s="9" t="s">
        <v>214</v>
      </c>
    </row>
    <row r="179" spans="2:12" ht="14.25" customHeight="1" x14ac:dyDescent="0.15">
      <c r="B179" s="210"/>
      <c r="C179" s="99"/>
      <c r="D179" s="99"/>
      <c r="E179" s="14"/>
      <c r="F179" s="15"/>
      <c r="G179" s="15"/>
      <c r="H179" s="15"/>
      <c r="I179" s="15"/>
      <c r="J179" s="15"/>
      <c r="K179" s="15"/>
      <c r="L179" s="16"/>
    </row>
    <row r="180" spans="2:12" ht="14.25" customHeight="1" x14ac:dyDescent="0.15">
      <c r="B180" s="213"/>
      <c r="E180" s="21"/>
      <c r="F180" s="22" t="s">
        <v>115</v>
      </c>
      <c r="G180" s="23" t="s">
        <v>5</v>
      </c>
      <c r="H180" s="24"/>
      <c r="I180" s="24"/>
      <c r="J180" s="25"/>
      <c r="K180" s="23" t="s">
        <v>5</v>
      </c>
      <c r="L180" s="26" t="s">
        <v>6</v>
      </c>
    </row>
    <row r="181" spans="2:12" ht="14.25" customHeight="1" x14ac:dyDescent="0.15">
      <c r="B181" s="213"/>
      <c r="C181" s="93" t="s">
        <v>7</v>
      </c>
      <c r="D181" s="93" t="s">
        <v>141</v>
      </c>
      <c r="E181" s="30" t="s">
        <v>8</v>
      </c>
      <c r="F181" s="31" t="s">
        <v>9</v>
      </c>
      <c r="G181" s="32" t="s">
        <v>9</v>
      </c>
      <c r="H181" s="32"/>
      <c r="I181" s="32"/>
      <c r="J181" s="33" t="s">
        <v>10</v>
      </c>
      <c r="K181" s="34" t="s">
        <v>11</v>
      </c>
      <c r="L181" s="26"/>
    </row>
    <row r="182" spans="2:12" ht="14.25" customHeight="1" x14ac:dyDescent="0.15">
      <c r="B182" s="213"/>
      <c r="C182" s="94"/>
      <c r="D182" s="94"/>
      <c r="E182" s="30" t="s">
        <v>13</v>
      </c>
      <c r="F182" s="31" t="s">
        <v>14</v>
      </c>
      <c r="G182" s="35" t="s">
        <v>15</v>
      </c>
      <c r="H182" s="36"/>
      <c r="I182" s="37"/>
      <c r="J182" s="31"/>
      <c r="K182" s="34" t="s">
        <v>16</v>
      </c>
      <c r="L182" s="26"/>
    </row>
    <row r="183" spans="2:12" ht="14.25" customHeight="1" x14ac:dyDescent="0.15">
      <c r="B183" s="218"/>
      <c r="C183" s="86"/>
      <c r="D183" s="86"/>
      <c r="E183" s="41"/>
      <c r="F183" s="239"/>
      <c r="G183" s="43"/>
      <c r="H183" s="40"/>
      <c r="I183" s="44"/>
      <c r="J183" s="239"/>
      <c r="K183" s="239"/>
      <c r="L183" s="46"/>
    </row>
    <row r="184" spans="2:12" ht="10.15" customHeight="1" x14ac:dyDescent="0.15">
      <c r="B184" s="213"/>
      <c r="C184" s="94"/>
      <c r="D184" s="94"/>
      <c r="E184" s="49"/>
      <c r="F184" s="3"/>
      <c r="G184" s="3"/>
      <c r="H184" s="3"/>
      <c r="I184" s="3"/>
      <c r="J184" s="3"/>
      <c r="K184" s="3"/>
      <c r="L184" s="260"/>
    </row>
    <row r="185" spans="2:12" ht="14.25" customHeight="1" x14ac:dyDescent="0.15">
      <c r="B185" s="213"/>
      <c r="C185" s="9" t="s">
        <v>25</v>
      </c>
      <c r="D185" s="317" t="s">
        <v>215</v>
      </c>
      <c r="E185" s="261">
        <v>38</v>
      </c>
      <c r="F185" s="262">
        <v>34</v>
      </c>
      <c r="G185" s="262"/>
      <c r="H185" s="262"/>
      <c r="I185" s="262">
        <v>35</v>
      </c>
      <c r="J185" s="262">
        <v>1</v>
      </c>
      <c r="K185" s="264">
        <v>0.92</v>
      </c>
      <c r="L185" s="265">
        <v>1.21</v>
      </c>
    </row>
    <row r="186" spans="2:12" ht="14.25" customHeight="1" x14ac:dyDescent="0.15">
      <c r="B186" s="213"/>
      <c r="C186" s="9" t="s">
        <v>41</v>
      </c>
      <c r="D186" s="317" t="s">
        <v>215</v>
      </c>
      <c r="E186" s="261">
        <v>38</v>
      </c>
      <c r="F186" s="262">
        <v>48</v>
      </c>
      <c r="G186" s="262"/>
      <c r="H186" s="262"/>
      <c r="I186" s="262">
        <v>47</v>
      </c>
      <c r="J186" s="262">
        <v>-1</v>
      </c>
      <c r="K186" s="264">
        <v>1.24</v>
      </c>
      <c r="L186" s="265">
        <v>1.33</v>
      </c>
    </row>
    <row r="187" spans="2:12" ht="6.6" customHeight="1" x14ac:dyDescent="0.15">
      <c r="B187" s="270"/>
      <c r="C187" s="65"/>
      <c r="D187" s="65"/>
      <c r="E187" s="311"/>
      <c r="F187" s="109"/>
      <c r="G187" s="109"/>
      <c r="H187" s="109"/>
      <c r="I187" s="109"/>
      <c r="J187" s="109"/>
      <c r="K187" s="109"/>
      <c r="L187" s="312"/>
    </row>
    <row r="188" spans="2:12" ht="6" customHeight="1" x14ac:dyDescent="0.15">
      <c r="B188" s="313"/>
      <c r="C188" s="9"/>
      <c r="D188" s="9"/>
      <c r="E188" s="304"/>
      <c r="L188" s="238"/>
    </row>
    <row r="189" spans="2:12" ht="14.25" customHeight="1" x14ac:dyDescent="0.15">
      <c r="B189" s="313"/>
      <c r="C189" s="314" t="s">
        <v>138</v>
      </c>
      <c r="D189" s="315"/>
      <c r="E189" s="267">
        <v>76</v>
      </c>
      <c r="F189" s="268">
        <v>82</v>
      </c>
      <c r="G189" s="268"/>
      <c r="H189" s="268"/>
      <c r="I189" s="268">
        <v>82</v>
      </c>
      <c r="J189" s="268">
        <v>0</v>
      </c>
      <c r="K189" s="172">
        <v>1.08</v>
      </c>
      <c r="L189" s="269">
        <v>1.27</v>
      </c>
    </row>
    <row r="190" spans="2:12" ht="9" customHeight="1" x14ac:dyDescent="0.15">
      <c r="B190" s="285"/>
      <c r="C190" s="316"/>
      <c r="D190" s="316"/>
      <c r="E190" s="282"/>
      <c r="F190" s="283"/>
      <c r="G190" s="283"/>
      <c r="H190" s="283"/>
      <c r="I190" s="283"/>
      <c r="J190" s="283"/>
      <c r="K190" s="283"/>
      <c r="L190" s="257"/>
    </row>
    <row r="191" spans="2:12" ht="14.25" customHeight="1" x14ac:dyDescent="0.15"/>
    <row r="192" spans="2:12" ht="7.5" customHeight="1" x14ac:dyDescent="0.15">
      <c r="D192" s="56"/>
      <c r="K192" s="230"/>
    </row>
    <row r="193" spans="2:12" ht="14.25" customHeight="1" x14ac:dyDescent="0.15">
      <c r="B193" s="93" t="s">
        <v>216</v>
      </c>
    </row>
    <row r="194" spans="2:12" ht="7.5" customHeight="1" x14ac:dyDescent="0.15">
      <c r="B194" s="210"/>
      <c r="C194" s="99"/>
      <c r="D194" s="99"/>
      <c r="E194" s="14"/>
      <c r="F194" s="15"/>
      <c r="G194" s="15"/>
      <c r="H194" s="15"/>
      <c r="I194" s="15"/>
      <c r="J194" s="318"/>
      <c r="K194" s="318"/>
      <c r="L194" s="319"/>
    </row>
    <row r="195" spans="2:12" ht="14.25" customHeight="1" x14ac:dyDescent="0.15">
      <c r="B195" s="213"/>
      <c r="E195" s="21"/>
      <c r="F195" s="22" t="s">
        <v>115</v>
      </c>
      <c r="G195" s="23" t="s">
        <v>5</v>
      </c>
      <c r="H195" s="24"/>
      <c r="I195" s="24"/>
      <c r="J195" s="25"/>
      <c r="K195" s="23" t="s">
        <v>5</v>
      </c>
      <c r="L195" s="26" t="s">
        <v>6</v>
      </c>
    </row>
    <row r="196" spans="2:12" ht="14.25" customHeight="1" x14ac:dyDescent="0.15">
      <c r="B196" s="213"/>
      <c r="C196" s="93" t="s">
        <v>7</v>
      </c>
      <c r="D196" s="93" t="s">
        <v>141</v>
      </c>
      <c r="E196" s="30" t="s">
        <v>8</v>
      </c>
      <c r="F196" s="31" t="s">
        <v>9</v>
      </c>
      <c r="G196" s="32" t="s">
        <v>9</v>
      </c>
      <c r="H196" s="32"/>
      <c r="I196" s="32"/>
      <c r="J196" s="33" t="s">
        <v>10</v>
      </c>
      <c r="K196" s="34" t="s">
        <v>11</v>
      </c>
      <c r="L196" s="26"/>
    </row>
    <row r="197" spans="2:12" ht="14.25" customHeight="1" x14ac:dyDescent="0.15">
      <c r="B197" s="213"/>
      <c r="C197" s="94"/>
      <c r="D197" s="94"/>
      <c r="E197" s="30" t="s">
        <v>13</v>
      </c>
      <c r="F197" s="31" t="s">
        <v>14</v>
      </c>
      <c r="G197" s="35" t="s">
        <v>15</v>
      </c>
      <c r="H197" s="36"/>
      <c r="I197" s="37"/>
      <c r="J197" s="31"/>
      <c r="K197" s="34" t="s">
        <v>16</v>
      </c>
      <c r="L197" s="26"/>
    </row>
    <row r="198" spans="2:12" ht="7.5" customHeight="1" x14ac:dyDescent="0.15">
      <c r="B198" s="218"/>
      <c r="C198" s="86"/>
      <c r="D198" s="86"/>
      <c r="E198" s="41"/>
      <c r="F198" s="239"/>
      <c r="G198" s="43"/>
      <c r="H198" s="40"/>
      <c r="I198" s="44"/>
      <c r="J198" s="239"/>
      <c r="K198" s="239"/>
      <c r="L198" s="46"/>
    </row>
    <row r="199" spans="2:12" ht="7.5" customHeight="1" x14ac:dyDescent="0.15">
      <c r="B199" s="213"/>
      <c r="C199" s="94"/>
      <c r="D199" s="94"/>
      <c r="E199" s="49"/>
      <c r="F199" s="3"/>
      <c r="G199" s="3"/>
      <c r="H199" s="3"/>
      <c r="I199" s="20"/>
      <c r="J199" s="20"/>
      <c r="K199" s="320"/>
      <c r="L199" s="16"/>
    </row>
    <row r="200" spans="2:12" ht="14.25" customHeight="1" x14ac:dyDescent="0.15">
      <c r="B200" s="213"/>
      <c r="C200" s="110" t="s">
        <v>217</v>
      </c>
      <c r="D200" s="110" t="s">
        <v>218</v>
      </c>
      <c r="E200" s="261">
        <v>35</v>
      </c>
      <c r="F200" s="262">
        <v>57</v>
      </c>
      <c r="G200" s="262"/>
      <c r="H200" s="262"/>
      <c r="I200" s="262">
        <v>52</v>
      </c>
      <c r="J200" s="262">
        <v>-5</v>
      </c>
      <c r="K200" s="264">
        <v>1.49</v>
      </c>
      <c r="L200" s="265">
        <v>1.03</v>
      </c>
    </row>
    <row r="201" spans="2:12" ht="14.25" customHeight="1" x14ac:dyDescent="0.15">
      <c r="B201" s="213"/>
      <c r="C201" s="93" t="s">
        <v>212</v>
      </c>
      <c r="D201" s="93" t="s">
        <v>219</v>
      </c>
      <c r="E201" s="261">
        <v>39</v>
      </c>
      <c r="F201" s="262">
        <v>55</v>
      </c>
      <c r="G201" s="262"/>
      <c r="H201" s="262"/>
      <c r="I201" s="262">
        <v>50</v>
      </c>
      <c r="J201" s="262">
        <v>-5</v>
      </c>
      <c r="K201" s="264">
        <v>1.28</v>
      </c>
      <c r="L201" s="265">
        <v>1.72</v>
      </c>
    </row>
    <row r="202" spans="2:12" ht="7.5" customHeight="1" x14ac:dyDescent="0.15">
      <c r="B202" s="270"/>
      <c r="C202" s="321"/>
      <c r="D202" s="321"/>
      <c r="E202" s="311"/>
      <c r="F202" s="109"/>
      <c r="G202" s="109"/>
      <c r="H202" s="109"/>
      <c r="I202" s="109"/>
      <c r="J202" s="65"/>
      <c r="K202" s="322"/>
      <c r="L202" s="323"/>
    </row>
    <row r="203" spans="2:12" ht="7.5" customHeight="1" x14ac:dyDescent="0.15">
      <c r="B203" s="213"/>
      <c r="C203" s="281"/>
      <c r="D203" s="281"/>
      <c r="E203" s="304"/>
      <c r="J203" s="93"/>
      <c r="K203" s="324"/>
      <c r="L203" s="325"/>
    </row>
    <row r="204" spans="2:12" ht="14.25" customHeight="1" x14ac:dyDescent="0.15">
      <c r="B204" s="213"/>
      <c r="C204" s="275" t="s">
        <v>138</v>
      </c>
      <c r="D204" s="276"/>
      <c r="E204" s="267">
        <v>74</v>
      </c>
      <c r="F204" s="268">
        <v>112</v>
      </c>
      <c r="G204" s="268"/>
      <c r="H204" s="268"/>
      <c r="I204" s="268">
        <v>102</v>
      </c>
      <c r="J204" s="268">
        <v>-10</v>
      </c>
      <c r="K204" s="172">
        <v>1.38</v>
      </c>
      <c r="L204" s="269">
        <v>1.39</v>
      </c>
    </row>
    <row r="205" spans="2:12" ht="7.5" customHeight="1" x14ac:dyDescent="0.15">
      <c r="B205" s="218"/>
      <c r="C205" s="301"/>
      <c r="D205" s="301"/>
      <c r="E205" s="282"/>
      <c r="F205" s="283"/>
      <c r="G205" s="283"/>
      <c r="H205" s="283"/>
      <c r="I205" s="283"/>
      <c r="J205" s="326"/>
      <c r="K205" s="327"/>
      <c r="L205" s="328"/>
    </row>
    <row r="206" spans="2:12" ht="14.25" customHeight="1" x14ac:dyDescent="0.15">
      <c r="L206" s="209"/>
    </row>
    <row r="207" spans="2:12" ht="7.5" customHeight="1" x14ac:dyDescent="0.15"/>
    <row r="208" spans="2:12" ht="14.25" customHeight="1" x14ac:dyDescent="0.15"/>
    <row r="209" ht="14.25" customHeight="1" x14ac:dyDescent="0.15"/>
  </sheetData>
  <mergeCells count="20">
    <mergeCell ref="C189:D189"/>
    <mergeCell ref="L195:L197"/>
    <mergeCell ref="C204:D204"/>
    <mergeCell ref="L138:L140"/>
    <mergeCell ref="C149:D149"/>
    <mergeCell ref="L154:L156"/>
    <mergeCell ref="L165:L167"/>
    <mergeCell ref="C174:D174"/>
    <mergeCell ref="L180:L182"/>
    <mergeCell ref="B85:L85"/>
    <mergeCell ref="L89:L91"/>
    <mergeCell ref="C105:D105"/>
    <mergeCell ref="B107:L107"/>
    <mergeCell ref="L111:L113"/>
    <mergeCell ref="L127:L129"/>
    <mergeCell ref="L5:L7"/>
    <mergeCell ref="C25:D25"/>
    <mergeCell ref="L33:L35"/>
    <mergeCell ref="L58:L60"/>
    <mergeCell ref="C83:D83"/>
  </mergeCells>
  <phoneticPr fontId="3"/>
  <pageMargins left="0.78740157480314965" right="0.78740157480314965" top="0.78740157480314965" bottom="0.78740157480314965" header="0.31496062992125984" footer="0.39370078740157483"/>
  <pageSetup paperSize="9" scale="82" firstPageNumber="4" fitToHeight="0" orientation="portrait" useFirstPageNumber="1" r:id="rId1"/>
  <headerFooter alignWithMargins="0">
    <oddFooter>&amp;C&amp;"ＭＳ ゴシック,標準"&amp;P</oddFooter>
  </headerFooter>
  <rowBreaks count="3" manualBreakCount="3">
    <brk id="56" max="11" man="1"/>
    <brk id="108" max="11" man="1"/>
    <brk id="162" max="11"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826775-850E-4568-85E8-B867898326BD}">
  <dimension ref="A2:L195"/>
  <sheetViews>
    <sheetView view="pageBreakPreview" zoomScale="85" zoomScaleNormal="85" zoomScaleSheetLayoutView="85" workbookViewId="0"/>
  </sheetViews>
  <sheetFormatPr defaultColWidth="9" defaultRowHeight="13.5" x14ac:dyDescent="0.15"/>
  <cols>
    <col min="1" max="2" width="1.5" style="93" customWidth="1"/>
    <col min="3" max="3" width="19" style="93" customWidth="1"/>
    <col min="4" max="4" width="14.5" style="93" customWidth="1"/>
    <col min="5" max="5" width="9.125" style="93" customWidth="1"/>
    <col min="6" max="6" width="9" style="93"/>
    <col min="7" max="8" width="4.5" style="93" customWidth="1"/>
    <col min="9" max="9" width="8.25" style="93" customWidth="1"/>
    <col min="10" max="10" width="8.875" style="93" bestFit="1" customWidth="1"/>
    <col min="11" max="11" width="7.75" style="93" bestFit="1" customWidth="1"/>
    <col min="12" max="12" width="7.5" style="235" bestFit="1" customWidth="1"/>
    <col min="13" max="16384" width="9" style="93"/>
  </cols>
  <sheetData>
    <row r="2" spans="2:12" ht="7.5" customHeight="1" x14ac:dyDescent="0.15"/>
    <row r="3" spans="2:12" x14ac:dyDescent="0.15">
      <c r="B3" s="93" t="s">
        <v>220</v>
      </c>
      <c r="E3" s="56"/>
      <c r="F3" s="56"/>
      <c r="K3" s="329"/>
      <c r="L3" s="230"/>
    </row>
    <row r="4" spans="2:12" ht="7.5" customHeight="1" x14ac:dyDescent="0.15">
      <c r="B4" s="210"/>
      <c r="C4" s="99"/>
      <c r="D4" s="99"/>
      <c r="E4" s="330"/>
      <c r="F4" s="99"/>
      <c r="G4" s="100"/>
      <c r="H4" s="100"/>
      <c r="I4" s="100"/>
      <c r="J4" s="100"/>
      <c r="K4" s="100"/>
      <c r="L4" s="331"/>
    </row>
    <row r="5" spans="2:12" ht="14.25" customHeight="1" x14ac:dyDescent="0.15">
      <c r="B5" s="213"/>
      <c r="E5" s="21"/>
      <c r="F5" s="22" t="s">
        <v>4</v>
      </c>
      <c r="G5" s="157" t="s">
        <v>116</v>
      </c>
      <c r="H5" s="158"/>
      <c r="I5" s="158"/>
      <c r="J5" s="25"/>
      <c r="K5" s="22" t="s">
        <v>5</v>
      </c>
      <c r="L5" s="26" t="s">
        <v>6</v>
      </c>
    </row>
    <row r="6" spans="2:12" ht="14.25" customHeight="1" x14ac:dyDescent="0.15">
      <c r="B6" s="213"/>
      <c r="C6" s="93" t="s">
        <v>7</v>
      </c>
      <c r="D6" s="93" t="s">
        <v>221</v>
      </c>
      <c r="E6" s="30" t="s">
        <v>8</v>
      </c>
      <c r="F6" s="31" t="s">
        <v>9</v>
      </c>
      <c r="G6" s="159" t="s">
        <v>117</v>
      </c>
      <c r="H6" s="159" t="s">
        <v>117</v>
      </c>
      <c r="I6" s="24" t="s">
        <v>118</v>
      </c>
      <c r="J6" s="33" t="s">
        <v>10</v>
      </c>
      <c r="K6" s="34" t="s">
        <v>11</v>
      </c>
      <c r="L6" s="26"/>
    </row>
    <row r="7" spans="2:12" ht="14.25" customHeight="1" x14ac:dyDescent="0.15">
      <c r="B7" s="213"/>
      <c r="C7" s="94"/>
      <c r="D7" s="94"/>
      <c r="E7" s="30" t="s">
        <v>13</v>
      </c>
      <c r="F7" s="31" t="s">
        <v>14</v>
      </c>
      <c r="G7" s="160" t="s">
        <v>120</v>
      </c>
      <c r="H7" s="160" t="s">
        <v>121</v>
      </c>
      <c r="I7" s="34" t="s">
        <v>15</v>
      </c>
      <c r="J7" s="31"/>
      <c r="K7" s="34" t="s">
        <v>16</v>
      </c>
      <c r="L7" s="26"/>
    </row>
    <row r="8" spans="2:12" ht="7.5" customHeight="1" x14ac:dyDescent="0.15">
      <c r="B8" s="218"/>
      <c r="C8" s="86"/>
      <c r="D8" s="86"/>
      <c r="E8" s="41"/>
      <c r="F8" s="42"/>
      <c r="G8" s="45"/>
      <c r="H8" s="45"/>
      <c r="I8" s="45"/>
      <c r="J8" s="45"/>
      <c r="K8" s="45"/>
      <c r="L8" s="46"/>
    </row>
    <row r="9" spans="2:12" ht="7.5" customHeight="1" x14ac:dyDescent="0.15">
      <c r="B9" s="210"/>
      <c r="C9" s="94"/>
      <c r="D9" s="94"/>
      <c r="E9" s="98"/>
      <c r="G9" s="94"/>
      <c r="H9" s="94"/>
      <c r="I9" s="94"/>
      <c r="J9" s="94"/>
      <c r="K9" s="94"/>
      <c r="L9" s="332"/>
    </row>
    <row r="10" spans="2:12" ht="14.25" customHeight="1" x14ac:dyDescent="0.15">
      <c r="B10" s="213"/>
      <c r="C10" s="93" t="s">
        <v>222</v>
      </c>
      <c r="D10" s="214" t="s">
        <v>223</v>
      </c>
      <c r="E10" s="261">
        <v>119</v>
      </c>
      <c r="F10" s="262">
        <v>213</v>
      </c>
      <c r="G10" s="333" t="s">
        <v>224</v>
      </c>
      <c r="H10" s="333" t="s">
        <v>224</v>
      </c>
      <c r="I10" s="263">
        <v>186</v>
      </c>
      <c r="J10" s="57">
        <v>-27</v>
      </c>
      <c r="K10" s="324">
        <v>1.56</v>
      </c>
      <c r="L10" s="334">
        <v>1.69</v>
      </c>
    </row>
    <row r="11" spans="2:12" ht="14.25" customHeight="1" x14ac:dyDescent="0.15">
      <c r="B11" s="213"/>
      <c r="C11" s="93" t="s">
        <v>146</v>
      </c>
      <c r="D11" s="214" t="s">
        <v>225</v>
      </c>
      <c r="E11" s="261">
        <v>89</v>
      </c>
      <c r="F11" s="262">
        <v>128</v>
      </c>
      <c r="G11" s="333" t="s">
        <v>224</v>
      </c>
      <c r="H11" s="333" t="s">
        <v>224</v>
      </c>
      <c r="I11" s="263">
        <v>134</v>
      </c>
      <c r="J11" s="57">
        <v>6</v>
      </c>
      <c r="K11" s="324">
        <v>1.51</v>
      </c>
      <c r="L11" s="334">
        <v>1.42</v>
      </c>
    </row>
    <row r="12" spans="2:12" ht="14.25" customHeight="1" x14ac:dyDescent="0.15">
      <c r="B12" s="213"/>
      <c r="D12" s="266" t="s">
        <v>162</v>
      </c>
      <c r="E12" s="335">
        <v>208</v>
      </c>
      <c r="F12" s="268">
        <v>341</v>
      </c>
      <c r="G12" s="336" t="s">
        <v>226</v>
      </c>
      <c r="H12" s="336" t="s">
        <v>226</v>
      </c>
      <c r="I12" s="268">
        <v>320</v>
      </c>
      <c r="J12" s="268">
        <v>-21</v>
      </c>
      <c r="K12" s="337">
        <v>1.54</v>
      </c>
      <c r="L12" s="338">
        <v>1.57</v>
      </c>
    </row>
    <row r="13" spans="2:12" ht="22.15" customHeight="1" x14ac:dyDescent="0.15">
      <c r="B13" s="213"/>
      <c r="C13" s="93" t="s">
        <v>227</v>
      </c>
      <c r="D13" s="93" t="s">
        <v>228</v>
      </c>
      <c r="E13" s="261">
        <v>278</v>
      </c>
      <c r="F13" s="262">
        <v>233</v>
      </c>
      <c r="G13" s="333" t="s">
        <v>224</v>
      </c>
      <c r="H13" s="333" t="s">
        <v>224</v>
      </c>
      <c r="I13" s="263">
        <v>262</v>
      </c>
      <c r="J13" s="57">
        <v>29</v>
      </c>
      <c r="K13" s="324">
        <v>0.94</v>
      </c>
      <c r="L13" s="334">
        <v>1.08</v>
      </c>
    </row>
    <row r="14" spans="2:12" ht="14.25" customHeight="1" x14ac:dyDescent="0.15">
      <c r="B14" s="213"/>
      <c r="C14" s="93" t="s">
        <v>229</v>
      </c>
      <c r="D14" s="93" t="s">
        <v>230</v>
      </c>
      <c r="E14" s="261">
        <v>270</v>
      </c>
      <c r="F14" s="262">
        <v>180</v>
      </c>
      <c r="G14" s="333" t="s">
        <v>224</v>
      </c>
      <c r="H14" s="333" t="s">
        <v>224</v>
      </c>
      <c r="I14" s="263">
        <v>191</v>
      </c>
      <c r="J14" s="57">
        <v>11</v>
      </c>
      <c r="K14" s="324">
        <v>0.71</v>
      </c>
      <c r="L14" s="334">
        <v>0.98</v>
      </c>
    </row>
    <row r="15" spans="2:12" ht="14.25" customHeight="1" x14ac:dyDescent="0.15">
      <c r="B15" s="213"/>
      <c r="C15" s="9" t="s">
        <v>231</v>
      </c>
      <c r="D15" s="93" t="s">
        <v>230</v>
      </c>
      <c r="E15" s="261">
        <v>305</v>
      </c>
      <c r="F15" s="262">
        <v>346</v>
      </c>
      <c r="G15" s="333" t="s">
        <v>224</v>
      </c>
      <c r="H15" s="333" t="s">
        <v>224</v>
      </c>
      <c r="I15" s="263">
        <v>332</v>
      </c>
      <c r="J15" s="57">
        <v>-14</v>
      </c>
      <c r="K15" s="324">
        <v>1.0900000000000001</v>
      </c>
      <c r="L15" s="334">
        <v>1.35</v>
      </c>
    </row>
    <row r="16" spans="2:12" ht="14.25" customHeight="1" x14ac:dyDescent="0.15">
      <c r="B16" s="213"/>
      <c r="C16" s="93" t="s">
        <v>232</v>
      </c>
      <c r="D16" s="93" t="s">
        <v>233</v>
      </c>
      <c r="E16" s="261">
        <v>318</v>
      </c>
      <c r="F16" s="262">
        <v>370</v>
      </c>
      <c r="G16" s="333" t="s">
        <v>224</v>
      </c>
      <c r="H16" s="333" t="s">
        <v>224</v>
      </c>
      <c r="I16" s="263">
        <v>382</v>
      </c>
      <c r="J16" s="57">
        <v>12</v>
      </c>
      <c r="K16" s="324">
        <v>1.2</v>
      </c>
      <c r="L16" s="334">
        <v>1.24</v>
      </c>
    </row>
    <row r="17" spans="2:12" ht="14.25" customHeight="1" x14ac:dyDescent="0.15">
      <c r="B17" s="213"/>
      <c r="C17" s="93" t="s">
        <v>234</v>
      </c>
      <c r="D17" s="93" t="s">
        <v>230</v>
      </c>
      <c r="E17" s="261">
        <v>222</v>
      </c>
      <c r="F17" s="262">
        <v>299</v>
      </c>
      <c r="G17" s="333" t="s">
        <v>224</v>
      </c>
      <c r="H17" s="333" t="s">
        <v>224</v>
      </c>
      <c r="I17" s="263">
        <v>284</v>
      </c>
      <c r="J17" s="57">
        <v>-15</v>
      </c>
      <c r="K17" s="324">
        <v>1.28</v>
      </c>
      <c r="L17" s="334">
        <v>1.22</v>
      </c>
    </row>
    <row r="18" spans="2:12" ht="14.25" customHeight="1" x14ac:dyDescent="0.15">
      <c r="B18" s="213"/>
      <c r="C18" s="9" t="s">
        <v>235</v>
      </c>
      <c r="D18" s="9" t="s">
        <v>230</v>
      </c>
      <c r="E18" s="261">
        <v>225</v>
      </c>
      <c r="F18" s="262">
        <v>141</v>
      </c>
      <c r="G18" s="333" t="s">
        <v>224</v>
      </c>
      <c r="H18" s="333" t="s">
        <v>224</v>
      </c>
      <c r="I18" s="263">
        <v>150</v>
      </c>
      <c r="J18" s="57">
        <v>9</v>
      </c>
      <c r="K18" s="324">
        <v>0.67</v>
      </c>
      <c r="L18" s="334">
        <v>0.76</v>
      </c>
    </row>
    <row r="19" spans="2:12" ht="14.25" customHeight="1" x14ac:dyDescent="0.15">
      <c r="B19" s="213"/>
      <c r="C19" s="93" t="s">
        <v>236</v>
      </c>
      <c r="D19" s="93" t="s">
        <v>230</v>
      </c>
      <c r="E19" s="261">
        <v>198</v>
      </c>
      <c r="F19" s="262">
        <v>83</v>
      </c>
      <c r="G19" s="333" t="s">
        <v>224</v>
      </c>
      <c r="H19" s="333" t="s">
        <v>224</v>
      </c>
      <c r="I19" s="263">
        <v>86</v>
      </c>
      <c r="J19" s="57">
        <v>3</v>
      </c>
      <c r="K19" s="324">
        <v>0.43</v>
      </c>
      <c r="L19" s="334">
        <v>0.73</v>
      </c>
    </row>
    <row r="20" spans="2:12" ht="14.25" customHeight="1" x14ac:dyDescent="0.15">
      <c r="B20" s="213"/>
      <c r="C20" s="93" t="s">
        <v>237</v>
      </c>
      <c r="D20" s="93" t="s">
        <v>230</v>
      </c>
      <c r="E20" s="261">
        <v>278</v>
      </c>
      <c r="F20" s="262">
        <v>296</v>
      </c>
      <c r="G20" s="333" t="s">
        <v>224</v>
      </c>
      <c r="H20" s="333" t="s">
        <v>224</v>
      </c>
      <c r="I20" s="263">
        <v>303</v>
      </c>
      <c r="J20" s="57">
        <v>7</v>
      </c>
      <c r="K20" s="324">
        <v>1.0900000000000001</v>
      </c>
      <c r="L20" s="334">
        <v>1.24</v>
      </c>
    </row>
    <row r="21" spans="2:12" ht="14.25" customHeight="1" x14ac:dyDescent="0.15">
      <c r="B21" s="213"/>
      <c r="C21" s="93" t="s">
        <v>238</v>
      </c>
      <c r="D21" s="93" t="s">
        <v>233</v>
      </c>
      <c r="E21" s="261">
        <v>238</v>
      </c>
      <c r="F21" s="262">
        <v>167</v>
      </c>
      <c r="G21" s="333" t="s">
        <v>224</v>
      </c>
      <c r="H21" s="333" t="s">
        <v>224</v>
      </c>
      <c r="I21" s="263">
        <v>170</v>
      </c>
      <c r="J21" s="57">
        <v>3</v>
      </c>
      <c r="K21" s="324">
        <v>0.71</v>
      </c>
      <c r="L21" s="334">
        <v>0.81</v>
      </c>
    </row>
    <row r="22" spans="2:12" ht="14.25" customHeight="1" x14ac:dyDescent="0.15">
      <c r="B22" s="213"/>
      <c r="C22" s="93" t="s">
        <v>239</v>
      </c>
      <c r="D22" s="93" t="s">
        <v>230</v>
      </c>
      <c r="E22" s="261">
        <v>319</v>
      </c>
      <c r="F22" s="262">
        <v>363</v>
      </c>
      <c r="G22" s="333" t="s">
        <v>224</v>
      </c>
      <c r="H22" s="333" t="s">
        <v>224</v>
      </c>
      <c r="I22" s="263">
        <v>371</v>
      </c>
      <c r="J22" s="57">
        <v>8</v>
      </c>
      <c r="K22" s="324">
        <v>1.1599999999999999</v>
      </c>
      <c r="L22" s="334">
        <v>1.24</v>
      </c>
    </row>
    <row r="23" spans="2:12" ht="14.25" customHeight="1" x14ac:dyDescent="0.15">
      <c r="B23" s="213"/>
      <c r="C23" s="93" t="s">
        <v>240</v>
      </c>
      <c r="D23" s="93" t="s">
        <v>230</v>
      </c>
      <c r="E23" s="261">
        <v>230</v>
      </c>
      <c r="F23" s="262">
        <v>227</v>
      </c>
      <c r="G23" s="333" t="s">
        <v>224</v>
      </c>
      <c r="H23" s="333" t="s">
        <v>224</v>
      </c>
      <c r="I23" s="263">
        <v>234</v>
      </c>
      <c r="J23" s="57">
        <v>7</v>
      </c>
      <c r="K23" s="324">
        <v>1.02</v>
      </c>
      <c r="L23" s="334">
        <v>0.89</v>
      </c>
    </row>
    <row r="24" spans="2:12" ht="14.25" customHeight="1" x14ac:dyDescent="0.15">
      <c r="B24" s="213"/>
      <c r="C24" s="9" t="s">
        <v>241</v>
      </c>
      <c r="D24" s="9" t="s">
        <v>230</v>
      </c>
      <c r="E24" s="261">
        <v>278</v>
      </c>
      <c r="F24" s="262">
        <v>255</v>
      </c>
      <c r="G24" s="333" t="s">
        <v>224</v>
      </c>
      <c r="H24" s="333" t="s">
        <v>224</v>
      </c>
      <c r="I24" s="263">
        <v>263</v>
      </c>
      <c r="J24" s="57">
        <v>8</v>
      </c>
      <c r="K24" s="324">
        <v>0.95</v>
      </c>
      <c r="L24" s="334">
        <v>1.05</v>
      </c>
    </row>
    <row r="25" spans="2:12" ht="14.25" customHeight="1" x14ac:dyDescent="0.15">
      <c r="B25" s="213"/>
      <c r="C25" s="9" t="s">
        <v>242</v>
      </c>
      <c r="D25" s="9" t="s">
        <v>230</v>
      </c>
      <c r="E25" s="261">
        <v>183</v>
      </c>
      <c r="F25" s="262">
        <v>194</v>
      </c>
      <c r="G25" s="333" t="s">
        <v>224</v>
      </c>
      <c r="H25" s="333" t="s">
        <v>224</v>
      </c>
      <c r="I25" s="263">
        <v>191</v>
      </c>
      <c r="J25" s="57">
        <v>-3</v>
      </c>
      <c r="K25" s="324">
        <v>1.04</v>
      </c>
      <c r="L25" s="334">
        <v>1.38</v>
      </c>
    </row>
    <row r="26" spans="2:12" ht="21.75" customHeight="1" x14ac:dyDescent="0.15">
      <c r="B26" s="213"/>
      <c r="C26" s="93" t="s">
        <v>243</v>
      </c>
      <c r="D26" s="93" t="s">
        <v>230</v>
      </c>
      <c r="E26" s="261">
        <v>268</v>
      </c>
      <c r="F26" s="262">
        <v>310</v>
      </c>
      <c r="G26" s="262">
        <v>310</v>
      </c>
      <c r="H26" s="339">
        <v>14</v>
      </c>
      <c r="I26" s="263">
        <v>324</v>
      </c>
      <c r="J26" s="262">
        <v>14</v>
      </c>
      <c r="K26" s="329">
        <v>1.21</v>
      </c>
      <c r="L26" s="334">
        <v>1.35</v>
      </c>
    </row>
    <row r="27" spans="2:12" ht="14.25" customHeight="1" x14ac:dyDescent="0.15">
      <c r="B27" s="213"/>
      <c r="C27" s="93" t="s">
        <v>244</v>
      </c>
      <c r="D27" s="214" t="s">
        <v>245</v>
      </c>
      <c r="E27" s="261">
        <v>279</v>
      </c>
      <c r="F27" s="262">
        <v>348</v>
      </c>
      <c r="G27" s="262">
        <v>316</v>
      </c>
      <c r="H27" s="339">
        <v>25</v>
      </c>
      <c r="I27" s="263">
        <v>341</v>
      </c>
      <c r="J27" s="262">
        <v>-7</v>
      </c>
      <c r="K27" s="329">
        <v>1.22</v>
      </c>
      <c r="L27" s="334">
        <v>1.06</v>
      </c>
    </row>
    <row r="28" spans="2:12" ht="7.5" customHeight="1" x14ac:dyDescent="0.15">
      <c r="B28" s="270"/>
      <c r="C28" s="65"/>
      <c r="D28" s="65"/>
      <c r="E28" s="261"/>
      <c r="F28" s="109"/>
      <c r="G28" s="340"/>
      <c r="H28" s="341"/>
      <c r="I28" s="342"/>
      <c r="J28" s="342"/>
      <c r="K28" s="343"/>
      <c r="L28" s="344"/>
    </row>
    <row r="29" spans="2:12" ht="7.5" customHeight="1" x14ac:dyDescent="0.15">
      <c r="B29" s="213"/>
      <c r="E29" s="290"/>
      <c r="F29" s="56"/>
      <c r="G29" s="262"/>
      <c r="H29" s="339"/>
      <c r="I29" s="263"/>
      <c r="J29" s="263"/>
      <c r="K29" s="329"/>
      <c r="L29" s="334"/>
    </row>
    <row r="30" spans="2:12" ht="14.25" customHeight="1" x14ac:dyDescent="0.15">
      <c r="B30" s="213"/>
      <c r="C30" s="275" t="s">
        <v>138</v>
      </c>
      <c r="D30" s="276"/>
      <c r="E30" s="335">
        <v>4097</v>
      </c>
      <c r="F30" s="268">
        <v>4153</v>
      </c>
      <c r="G30" s="336" t="s">
        <v>226</v>
      </c>
      <c r="H30" s="336" t="s">
        <v>226</v>
      </c>
      <c r="I30" s="268">
        <v>4204</v>
      </c>
      <c r="J30" s="268">
        <v>51</v>
      </c>
      <c r="K30" s="337">
        <v>1.03</v>
      </c>
      <c r="L30" s="338">
        <v>1.1299999999999999</v>
      </c>
    </row>
    <row r="31" spans="2:12" ht="7.5" customHeight="1" x14ac:dyDescent="0.15">
      <c r="B31" s="218"/>
      <c r="C31" s="85"/>
      <c r="D31" s="85"/>
      <c r="E31" s="282"/>
      <c r="F31" s="283"/>
      <c r="G31" s="345"/>
      <c r="H31" s="346"/>
      <c r="I31" s="347"/>
      <c r="J31" s="347"/>
      <c r="K31" s="326"/>
      <c r="L31" s="293"/>
    </row>
    <row r="32" spans="2:12" ht="14.25" customHeight="1" x14ac:dyDescent="0.15">
      <c r="B32" s="348"/>
      <c r="C32" s="348"/>
      <c r="D32" s="348"/>
      <c r="E32" s="348"/>
      <c r="F32" s="348"/>
      <c r="G32" s="348"/>
      <c r="H32" s="348"/>
      <c r="I32" s="348"/>
      <c r="J32" s="348"/>
      <c r="K32" s="348"/>
      <c r="L32" s="348"/>
    </row>
    <row r="33" spans="2:12" ht="7.5" customHeight="1" x14ac:dyDescent="0.15">
      <c r="C33" s="349"/>
      <c r="D33" s="349"/>
      <c r="E33" s="349"/>
      <c r="F33" s="349"/>
      <c r="G33" s="349"/>
      <c r="H33" s="349"/>
      <c r="I33" s="349"/>
      <c r="J33" s="349"/>
      <c r="K33" s="349"/>
      <c r="L33" s="350"/>
    </row>
    <row r="34" spans="2:12" x14ac:dyDescent="0.15">
      <c r="B34" s="93" t="s">
        <v>246</v>
      </c>
      <c r="E34" s="56"/>
      <c r="F34" s="56"/>
      <c r="K34" s="329"/>
      <c r="L34" s="230"/>
    </row>
    <row r="35" spans="2:12" ht="7.5" customHeight="1" x14ac:dyDescent="0.15">
      <c r="B35" s="210"/>
      <c r="C35" s="99"/>
      <c r="D35" s="99"/>
      <c r="E35" s="330"/>
      <c r="F35" s="99"/>
      <c r="G35" s="100"/>
      <c r="H35" s="100"/>
      <c r="I35" s="100"/>
      <c r="J35" s="100"/>
      <c r="K35" s="100"/>
      <c r="L35" s="331"/>
    </row>
    <row r="36" spans="2:12" ht="14.25" customHeight="1" x14ac:dyDescent="0.15">
      <c r="B36" s="213"/>
      <c r="E36" s="21"/>
      <c r="F36" s="22" t="s">
        <v>115</v>
      </c>
      <c r="G36" s="23" t="s">
        <v>5</v>
      </c>
      <c r="H36" s="24"/>
      <c r="I36" s="24"/>
      <c r="J36" s="25"/>
      <c r="K36" s="22" t="s">
        <v>5</v>
      </c>
      <c r="L36" s="26" t="s">
        <v>6</v>
      </c>
    </row>
    <row r="37" spans="2:12" ht="14.25" customHeight="1" x14ac:dyDescent="0.15">
      <c r="B37" s="213"/>
      <c r="C37" s="93" t="s">
        <v>7</v>
      </c>
      <c r="D37" s="93" t="s">
        <v>221</v>
      </c>
      <c r="E37" s="30" t="s">
        <v>8</v>
      </c>
      <c r="F37" s="31" t="s">
        <v>9</v>
      </c>
      <c r="G37" s="32" t="s">
        <v>9</v>
      </c>
      <c r="H37" s="32"/>
      <c r="I37" s="32"/>
      <c r="J37" s="33" t="s">
        <v>10</v>
      </c>
      <c r="K37" s="34" t="s">
        <v>11</v>
      </c>
      <c r="L37" s="26"/>
    </row>
    <row r="38" spans="2:12" ht="14.25" customHeight="1" x14ac:dyDescent="0.15">
      <c r="B38" s="213"/>
      <c r="C38" s="94"/>
      <c r="D38" s="94"/>
      <c r="E38" s="30" t="s">
        <v>13</v>
      </c>
      <c r="F38" s="31" t="s">
        <v>14</v>
      </c>
      <c r="G38" s="35" t="s">
        <v>15</v>
      </c>
      <c r="H38" s="36"/>
      <c r="I38" s="37"/>
      <c r="J38" s="31"/>
      <c r="K38" s="34" t="s">
        <v>16</v>
      </c>
      <c r="L38" s="26"/>
    </row>
    <row r="39" spans="2:12" ht="7.5" customHeight="1" x14ac:dyDescent="0.15">
      <c r="B39" s="218"/>
      <c r="C39" s="86"/>
      <c r="D39" s="86"/>
      <c r="E39" s="41"/>
      <c r="F39" s="219"/>
      <c r="G39" s="43"/>
      <c r="H39" s="351"/>
      <c r="I39" s="352"/>
      <c r="J39" s="44"/>
      <c r="K39" s="45"/>
      <c r="L39" s="46"/>
    </row>
    <row r="40" spans="2:12" ht="7.5" customHeight="1" x14ac:dyDescent="0.15">
      <c r="B40" s="210"/>
      <c r="C40" s="94"/>
      <c r="D40" s="94"/>
      <c r="E40" s="98"/>
      <c r="G40" s="94"/>
      <c r="H40" s="94"/>
      <c r="I40" s="94"/>
      <c r="J40" s="94"/>
      <c r="K40" s="94"/>
      <c r="L40" s="332"/>
    </row>
    <row r="41" spans="2:12" ht="14.25" customHeight="1" x14ac:dyDescent="0.15">
      <c r="B41" s="213"/>
      <c r="C41" s="93" t="s">
        <v>244</v>
      </c>
      <c r="D41" s="214" t="s">
        <v>247</v>
      </c>
      <c r="E41" s="261">
        <v>39</v>
      </c>
      <c r="F41" s="262">
        <v>46</v>
      </c>
      <c r="G41" s="262"/>
      <c r="H41" s="339"/>
      <c r="I41" s="263">
        <v>46</v>
      </c>
      <c r="J41" s="262">
        <v>0</v>
      </c>
      <c r="K41" s="329">
        <v>1.18</v>
      </c>
      <c r="L41" s="334">
        <v>1.1299999999999999</v>
      </c>
    </row>
    <row r="42" spans="2:12" ht="7.5" customHeight="1" x14ac:dyDescent="0.15">
      <c r="B42" s="218"/>
      <c r="C42" s="85"/>
      <c r="D42" s="85"/>
      <c r="E42" s="282"/>
      <c r="F42" s="283"/>
      <c r="G42" s="345"/>
      <c r="H42" s="346"/>
      <c r="I42" s="347"/>
      <c r="J42" s="347"/>
      <c r="K42" s="326"/>
      <c r="L42" s="293"/>
    </row>
    <row r="43" spans="2:12" ht="7.5" customHeight="1" x14ac:dyDescent="0.15">
      <c r="E43" s="56"/>
      <c r="F43" s="56"/>
      <c r="G43" s="262"/>
      <c r="H43" s="339"/>
      <c r="I43" s="263"/>
      <c r="J43" s="263"/>
      <c r="K43" s="329"/>
      <c r="L43" s="230"/>
    </row>
    <row r="44" spans="2:12" ht="14.25" customHeight="1" x14ac:dyDescent="0.15">
      <c r="C44" s="207"/>
      <c r="D44" s="349"/>
      <c r="E44" s="349"/>
      <c r="F44" s="349"/>
      <c r="G44" s="349"/>
      <c r="H44" s="349"/>
      <c r="I44" s="349"/>
      <c r="J44" s="349"/>
      <c r="K44" s="349"/>
      <c r="L44" s="350"/>
    </row>
    <row r="45" spans="2:12" x14ac:dyDescent="0.15">
      <c r="B45" s="93" t="s">
        <v>248</v>
      </c>
      <c r="E45" s="56"/>
      <c r="F45" s="56"/>
      <c r="K45" s="329"/>
      <c r="L45" s="230"/>
    </row>
    <row r="46" spans="2:12" ht="7.5" customHeight="1" x14ac:dyDescent="0.15">
      <c r="B46" s="210"/>
      <c r="C46" s="99"/>
      <c r="D46" s="99"/>
      <c r="E46" s="330"/>
      <c r="F46" s="99"/>
      <c r="G46" s="100"/>
      <c r="H46" s="100"/>
      <c r="I46" s="100"/>
      <c r="J46" s="100"/>
      <c r="K46" s="100"/>
      <c r="L46" s="331"/>
    </row>
    <row r="47" spans="2:12" ht="14.25" customHeight="1" x14ac:dyDescent="0.15">
      <c r="B47" s="213"/>
      <c r="E47" s="21"/>
      <c r="F47" s="22" t="s">
        <v>115</v>
      </c>
      <c r="G47" s="157" t="s">
        <v>116</v>
      </c>
      <c r="H47" s="158"/>
      <c r="I47" s="158"/>
      <c r="J47" s="25"/>
      <c r="K47" s="22" t="s">
        <v>5</v>
      </c>
      <c r="L47" s="26" t="s">
        <v>6</v>
      </c>
    </row>
    <row r="48" spans="2:12" ht="14.25" customHeight="1" x14ac:dyDescent="0.15">
      <c r="B48" s="213"/>
      <c r="C48" s="93" t="s">
        <v>7</v>
      </c>
      <c r="D48" s="93" t="s">
        <v>249</v>
      </c>
      <c r="E48" s="30" t="s">
        <v>8</v>
      </c>
      <c r="F48" s="31" t="s">
        <v>9</v>
      </c>
      <c r="G48" s="159" t="s">
        <v>117</v>
      </c>
      <c r="H48" s="159" t="s">
        <v>117</v>
      </c>
      <c r="I48" s="24" t="s">
        <v>118</v>
      </c>
      <c r="J48" s="33" t="s">
        <v>10</v>
      </c>
      <c r="K48" s="34" t="s">
        <v>11</v>
      </c>
      <c r="L48" s="26"/>
    </row>
    <row r="49" spans="2:12" ht="14.25" customHeight="1" x14ac:dyDescent="0.15">
      <c r="B49" s="213"/>
      <c r="C49" s="94"/>
      <c r="D49" s="94"/>
      <c r="E49" s="30" t="s">
        <v>13</v>
      </c>
      <c r="F49" s="31" t="s">
        <v>14</v>
      </c>
      <c r="G49" s="160" t="s">
        <v>120</v>
      </c>
      <c r="H49" s="160" t="s">
        <v>121</v>
      </c>
      <c r="I49" s="34" t="s">
        <v>15</v>
      </c>
      <c r="J49" s="31"/>
      <c r="K49" s="34" t="s">
        <v>16</v>
      </c>
      <c r="L49" s="26"/>
    </row>
    <row r="50" spans="2:12" ht="7.5" customHeight="1" x14ac:dyDescent="0.15">
      <c r="B50" s="218"/>
      <c r="C50" s="86"/>
      <c r="D50" s="86"/>
      <c r="E50" s="41"/>
      <c r="F50" s="42"/>
      <c r="G50" s="45"/>
      <c r="H50" s="45"/>
      <c r="I50" s="45"/>
      <c r="J50" s="45"/>
      <c r="K50" s="45"/>
      <c r="L50" s="46"/>
    </row>
    <row r="51" spans="2:12" ht="7.5" customHeight="1" x14ac:dyDescent="0.15">
      <c r="B51" s="210"/>
      <c r="C51" s="94"/>
      <c r="D51" s="94"/>
      <c r="E51" s="98"/>
      <c r="G51" s="94"/>
      <c r="H51" s="94"/>
      <c r="I51" s="94"/>
      <c r="J51" s="94"/>
      <c r="K51" s="94"/>
      <c r="L51" s="332"/>
    </row>
    <row r="52" spans="2:12" ht="14.25" customHeight="1" x14ac:dyDescent="0.15">
      <c r="B52" s="213"/>
      <c r="C52" s="93" t="s">
        <v>250</v>
      </c>
      <c r="D52" s="93" t="s">
        <v>251</v>
      </c>
      <c r="E52" s="261">
        <v>259</v>
      </c>
      <c r="F52" s="262">
        <v>308</v>
      </c>
      <c r="G52" s="333" t="s">
        <v>224</v>
      </c>
      <c r="H52" s="333" t="s">
        <v>224</v>
      </c>
      <c r="I52" s="263">
        <v>302</v>
      </c>
      <c r="J52" s="57">
        <v>-6</v>
      </c>
      <c r="K52" s="324">
        <v>1.17</v>
      </c>
      <c r="L52" s="334">
        <v>1.18</v>
      </c>
    </row>
    <row r="53" spans="2:12" ht="14.25" customHeight="1" x14ac:dyDescent="0.15">
      <c r="B53" s="213"/>
      <c r="C53" s="93" t="s">
        <v>252</v>
      </c>
      <c r="D53" s="93" t="s">
        <v>251</v>
      </c>
      <c r="E53" s="261">
        <v>278</v>
      </c>
      <c r="F53" s="262">
        <v>311</v>
      </c>
      <c r="G53" s="333" t="s">
        <v>224</v>
      </c>
      <c r="H53" s="333" t="s">
        <v>224</v>
      </c>
      <c r="I53" s="263">
        <v>316</v>
      </c>
      <c r="J53" s="57">
        <v>5</v>
      </c>
      <c r="K53" s="324">
        <v>1.1399999999999999</v>
      </c>
      <c r="L53" s="334">
        <v>1.26</v>
      </c>
    </row>
    <row r="54" spans="2:12" ht="14.25" customHeight="1" x14ac:dyDescent="0.15">
      <c r="B54" s="213"/>
      <c r="C54" s="93" t="s">
        <v>253</v>
      </c>
      <c r="D54" s="93" t="s">
        <v>251</v>
      </c>
      <c r="E54" s="261">
        <v>268</v>
      </c>
      <c r="F54" s="262">
        <v>325</v>
      </c>
      <c r="G54" s="333" t="s">
        <v>224</v>
      </c>
      <c r="H54" s="333" t="s">
        <v>224</v>
      </c>
      <c r="I54" s="263">
        <v>320</v>
      </c>
      <c r="J54" s="57">
        <v>-5</v>
      </c>
      <c r="K54" s="324">
        <v>1.19</v>
      </c>
      <c r="L54" s="334">
        <v>1.19</v>
      </c>
    </row>
    <row r="55" spans="2:12" ht="14.25" customHeight="1" x14ac:dyDescent="0.15">
      <c r="B55" s="213"/>
      <c r="C55" s="93" t="s">
        <v>254</v>
      </c>
      <c r="D55" s="93" t="s">
        <v>251</v>
      </c>
      <c r="E55" s="261">
        <v>238</v>
      </c>
      <c r="F55" s="262">
        <v>202</v>
      </c>
      <c r="G55" s="333" t="s">
        <v>224</v>
      </c>
      <c r="H55" s="333" t="s">
        <v>224</v>
      </c>
      <c r="I55" s="263">
        <v>198</v>
      </c>
      <c r="J55" s="57">
        <v>-4</v>
      </c>
      <c r="K55" s="324">
        <v>0.83</v>
      </c>
      <c r="L55" s="334">
        <v>0.96</v>
      </c>
    </row>
    <row r="56" spans="2:12" ht="14.25" customHeight="1" x14ac:dyDescent="0.15">
      <c r="B56" s="213"/>
      <c r="C56" s="93" t="s">
        <v>255</v>
      </c>
      <c r="D56" s="93" t="s">
        <v>256</v>
      </c>
      <c r="E56" s="261">
        <v>264</v>
      </c>
      <c r="F56" s="262">
        <v>252</v>
      </c>
      <c r="G56" s="333" t="s">
        <v>224</v>
      </c>
      <c r="H56" s="333" t="s">
        <v>224</v>
      </c>
      <c r="I56" s="263">
        <v>261</v>
      </c>
      <c r="J56" s="57">
        <v>9</v>
      </c>
      <c r="K56" s="324">
        <v>0.99</v>
      </c>
      <c r="L56" s="334">
        <v>1.17</v>
      </c>
    </row>
    <row r="57" spans="2:12" ht="21.75" customHeight="1" x14ac:dyDescent="0.15">
      <c r="B57" s="213"/>
      <c r="C57" s="93" t="s">
        <v>257</v>
      </c>
      <c r="D57" s="93" t="s">
        <v>258</v>
      </c>
      <c r="E57" s="261">
        <v>232</v>
      </c>
      <c r="F57" s="262">
        <v>251</v>
      </c>
      <c r="G57" s="263">
        <v>231</v>
      </c>
      <c r="H57" s="263">
        <v>19</v>
      </c>
      <c r="I57" s="263">
        <v>250</v>
      </c>
      <c r="J57" s="262">
        <v>-1</v>
      </c>
      <c r="K57" s="329">
        <v>1.08</v>
      </c>
      <c r="L57" s="334">
        <v>1.22</v>
      </c>
    </row>
    <row r="58" spans="2:12" ht="14.25" customHeight="1" x14ac:dyDescent="0.15">
      <c r="B58" s="213"/>
      <c r="C58" s="93" t="s">
        <v>259</v>
      </c>
      <c r="D58" s="93" t="s">
        <v>258</v>
      </c>
      <c r="E58" s="261">
        <v>320</v>
      </c>
      <c r="F58" s="262">
        <v>376</v>
      </c>
      <c r="G58" s="333" t="s">
        <v>224</v>
      </c>
      <c r="H58" s="333" t="s">
        <v>224</v>
      </c>
      <c r="I58" s="263">
        <v>364</v>
      </c>
      <c r="J58" s="57">
        <v>-12</v>
      </c>
      <c r="K58" s="324">
        <v>1.1399999999999999</v>
      </c>
      <c r="L58" s="334">
        <v>1.31</v>
      </c>
    </row>
    <row r="59" spans="2:12" ht="7.5" customHeight="1" x14ac:dyDescent="0.15">
      <c r="B59" s="270"/>
      <c r="C59" s="65"/>
      <c r="D59" s="65"/>
      <c r="E59" s="261"/>
      <c r="F59" s="109"/>
      <c r="G59" s="340"/>
      <c r="H59" s="341"/>
      <c r="I59" s="342"/>
      <c r="J59" s="342"/>
      <c r="K59" s="343"/>
      <c r="L59" s="353"/>
    </row>
    <row r="60" spans="2:12" ht="7.5" customHeight="1" x14ac:dyDescent="0.15">
      <c r="B60" s="213"/>
      <c r="E60" s="290"/>
      <c r="F60" s="56"/>
      <c r="G60" s="262"/>
      <c r="H60" s="339"/>
      <c r="I60" s="263"/>
      <c r="J60" s="263"/>
      <c r="K60" s="329"/>
      <c r="L60" s="309"/>
    </row>
    <row r="61" spans="2:12" ht="14.25" customHeight="1" x14ac:dyDescent="0.15">
      <c r="B61" s="213"/>
      <c r="C61" s="275" t="s">
        <v>138</v>
      </c>
      <c r="D61" s="276"/>
      <c r="E61" s="335">
        <v>1859</v>
      </c>
      <c r="F61" s="268">
        <v>2025</v>
      </c>
      <c r="G61" s="336" t="s">
        <v>226</v>
      </c>
      <c r="H61" s="336" t="s">
        <v>226</v>
      </c>
      <c r="I61" s="268">
        <v>2011</v>
      </c>
      <c r="J61" s="268">
        <v>-14</v>
      </c>
      <c r="K61" s="337">
        <v>1.08</v>
      </c>
      <c r="L61" s="338">
        <v>1.1299999999999999</v>
      </c>
    </row>
    <row r="62" spans="2:12" ht="7.5" customHeight="1" x14ac:dyDescent="0.15">
      <c r="B62" s="218"/>
      <c r="C62" s="85"/>
      <c r="D62" s="85"/>
      <c r="E62" s="282"/>
      <c r="F62" s="283"/>
      <c r="G62" s="345"/>
      <c r="H62" s="346"/>
      <c r="I62" s="347"/>
      <c r="J62" s="347"/>
      <c r="K62" s="326"/>
      <c r="L62" s="293"/>
    </row>
    <row r="63" spans="2:12" ht="14.25" customHeight="1" x14ac:dyDescent="0.15">
      <c r="B63" s="354"/>
      <c r="C63" s="354"/>
      <c r="D63" s="354"/>
      <c r="E63" s="354"/>
      <c r="F63" s="354"/>
      <c r="G63" s="354"/>
      <c r="H63" s="354"/>
      <c r="I63" s="354"/>
      <c r="J63" s="354"/>
      <c r="K63" s="354"/>
      <c r="L63" s="354"/>
    </row>
    <row r="64" spans="2:12" ht="7.5" customHeight="1" x14ac:dyDescent="0.15">
      <c r="C64" s="349"/>
      <c r="D64" s="349"/>
      <c r="E64" s="349"/>
      <c r="F64" s="349"/>
      <c r="G64" s="349"/>
      <c r="H64" s="349"/>
      <c r="I64" s="349"/>
      <c r="J64" s="349"/>
      <c r="K64" s="349"/>
      <c r="L64" s="350"/>
    </row>
    <row r="65" spans="2:12" s="235" customFormat="1" x14ac:dyDescent="0.15">
      <c r="B65" s="235" t="s">
        <v>260</v>
      </c>
      <c r="E65" s="209"/>
      <c r="F65" s="209"/>
      <c r="K65" s="355"/>
      <c r="L65" s="230"/>
    </row>
    <row r="66" spans="2:12" s="235" customFormat="1" ht="7.5" customHeight="1" x14ac:dyDescent="0.15">
      <c r="B66" s="356"/>
      <c r="C66" s="357"/>
      <c r="D66" s="357"/>
      <c r="E66" s="358"/>
      <c r="F66" s="357"/>
      <c r="G66" s="359"/>
      <c r="H66" s="359"/>
      <c r="I66" s="359"/>
      <c r="J66" s="359"/>
      <c r="K66" s="359"/>
      <c r="L66" s="331"/>
    </row>
    <row r="67" spans="2:12" s="235" customFormat="1" ht="14.25" customHeight="1" x14ac:dyDescent="0.15">
      <c r="B67" s="234"/>
      <c r="E67" s="360"/>
      <c r="F67" s="361" t="s">
        <v>115</v>
      </c>
      <c r="G67" s="362" t="s">
        <v>5</v>
      </c>
      <c r="H67" s="363"/>
      <c r="I67" s="363"/>
      <c r="J67" s="364"/>
      <c r="K67" s="361" t="s">
        <v>5</v>
      </c>
      <c r="L67" s="26" t="s">
        <v>6</v>
      </c>
    </row>
    <row r="68" spans="2:12" s="235" customFormat="1" ht="14.25" customHeight="1" x14ac:dyDescent="0.15">
      <c r="B68" s="234"/>
      <c r="C68" s="235" t="s">
        <v>7</v>
      </c>
      <c r="D68" s="235" t="s">
        <v>249</v>
      </c>
      <c r="E68" s="365" t="s">
        <v>8</v>
      </c>
      <c r="F68" s="366" t="s">
        <v>9</v>
      </c>
      <c r="G68" s="367" t="s">
        <v>9</v>
      </c>
      <c r="H68" s="367"/>
      <c r="I68" s="367"/>
      <c r="J68" s="368" t="s">
        <v>10</v>
      </c>
      <c r="K68" s="369" t="s">
        <v>11</v>
      </c>
      <c r="L68" s="26"/>
    </row>
    <row r="69" spans="2:12" s="235" customFormat="1" ht="14.25" customHeight="1" x14ac:dyDescent="0.15">
      <c r="B69" s="234"/>
      <c r="C69" s="370"/>
      <c r="D69" s="370"/>
      <c r="E69" s="365" t="s">
        <v>13</v>
      </c>
      <c r="F69" s="366" t="s">
        <v>14</v>
      </c>
      <c r="G69" s="371" t="s">
        <v>15</v>
      </c>
      <c r="H69" s="372"/>
      <c r="I69" s="373"/>
      <c r="J69" s="366"/>
      <c r="K69" s="369" t="s">
        <v>16</v>
      </c>
      <c r="L69" s="26"/>
    </row>
    <row r="70" spans="2:12" s="235" customFormat="1" ht="7.5" customHeight="1" x14ac:dyDescent="0.15">
      <c r="B70" s="252"/>
      <c r="C70" s="374"/>
      <c r="D70" s="374"/>
      <c r="E70" s="375"/>
      <c r="F70" s="376"/>
      <c r="G70" s="377"/>
      <c r="H70" s="378"/>
      <c r="I70" s="379"/>
      <c r="J70" s="380"/>
      <c r="K70" s="381"/>
      <c r="L70" s="46"/>
    </row>
    <row r="71" spans="2:12" s="235" customFormat="1" ht="7.5" customHeight="1" x14ac:dyDescent="0.15">
      <c r="B71" s="356"/>
      <c r="C71" s="370"/>
      <c r="D71" s="370"/>
      <c r="E71" s="382"/>
      <c r="G71" s="370"/>
      <c r="H71" s="370"/>
      <c r="I71" s="370"/>
      <c r="J71" s="370"/>
      <c r="K71" s="370"/>
      <c r="L71" s="332"/>
    </row>
    <row r="72" spans="2:12" s="235" customFormat="1" ht="14.25" customHeight="1" x14ac:dyDescent="0.15">
      <c r="B72" s="234"/>
      <c r="C72" s="235" t="s">
        <v>261</v>
      </c>
      <c r="D72" s="383" t="s">
        <v>262</v>
      </c>
      <c r="E72" s="236">
        <v>158</v>
      </c>
      <c r="F72" s="287">
        <v>145</v>
      </c>
      <c r="G72" s="287"/>
      <c r="H72" s="384"/>
      <c r="I72" s="385">
        <v>143</v>
      </c>
      <c r="J72" s="287">
        <v>-2</v>
      </c>
      <c r="K72" s="355">
        <v>0.91</v>
      </c>
      <c r="L72" s="386" t="s">
        <v>224</v>
      </c>
    </row>
    <row r="73" spans="2:12" s="235" customFormat="1" ht="7.5" customHeight="1" x14ac:dyDescent="0.15">
      <c r="B73" s="252"/>
      <c r="C73" s="253"/>
      <c r="D73" s="253"/>
      <c r="E73" s="254"/>
      <c r="F73" s="255"/>
      <c r="G73" s="387"/>
      <c r="H73" s="388"/>
      <c r="I73" s="389"/>
      <c r="J73" s="389"/>
      <c r="K73" s="390"/>
      <c r="L73" s="293"/>
    </row>
    <row r="74" spans="2:12" ht="14.25" customHeight="1" x14ac:dyDescent="0.15">
      <c r="E74" s="56"/>
      <c r="F74" s="56"/>
      <c r="K74" s="329"/>
      <c r="L74" s="230"/>
    </row>
    <row r="75" spans="2:12" ht="14.25" customHeight="1" x14ac:dyDescent="0.15">
      <c r="B75" s="9" t="s">
        <v>263</v>
      </c>
      <c r="E75" s="56"/>
      <c r="F75" s="56"/>
      <c r="K75" s="329"/>
      <c r="L75" s="230"/>
    </row>
    <row r="76" spans="2:12" ht="7.5" customHeight="1" x14ac:dyDescent="0.15">
      <c r="B76" s="210"/>
      <c r="C76" s="99"/>
      <c r="D76" s="99"/>
      <c r="E76" s="330"/>
      <c r="F76" s="99"/>
      <c r="G76" s="100"/>
      <c r="H76" s="100"/>
      <c r="I76" s="100"/>
      <c r="J76" s="100"/>
      <c r="K76" s="100"/>
      <c r="L76" s="331"/>
    </row>
    <row r="77" spans="2:12" ht="14.25" customHeight="1" x14ac:dyDescent="0.15">
      <c r="B77" s="213"/>
      <c r="E77" s="21"/>
      <c r="F77" s="22" t="s">
        <v>115</v>
      </c>
      <c r="G77" s="23" t="s">
        <v>5</v>
      </c>
      <c r="H77" s="24"/>
      <c r="I77" s="24"/>
      <c r="J77" s="25"/>
      <c r="K77" s="22" t="s">
        <v>5</v>
      </c>
      <c r="L77" s="26" t="s">
        <v>6</v>
      </c>
    </row>
    <row r="78" spans="2:12" ht="14.25" customHeight="1" x14ac:dyDescent="0.15">
      <c r="B78" s="213"/>
      <c r="C78" s="93" t="s">
        <v>7</v>
      </c>
      <c r="D78" s="93" t="s">
        <v>249</v>
      </c>
      <c r="E78" s="30" t="s">
        <v>8</v>
      </c>
      <c r="F78" s="31" t="s">
        <v>9</v>
      </c>
      <c r="G78" s="32" t="s">
        <v>9</v>
      </c>
      <c r="H78" s="32"/>
      <c r="I78" s="32"/>
      <c r="J78" s="33" t="s">
        <v>10</v>
      </c>
      <c r="K78" s="34" t="s">
        <v>11</v>
      </c>
      <c r="L78" s="26"/>
    </row>
    <row r="79" spans="2:12" ht="14.25" customHeight="1" x14ac:dyDescent="0.15">
      <c r="B79" s="213"/>
      <c r="C79" s="94"/>
      <c r="D79" s="113"/>
      <c r="E79" s="30" t="s">
        <v>13</v>
      </c>
      <c r="F79" s="31" t="s">
        <v>14</v>
      </c>
      <c r="G79" s="35" t="s">
        <v>15</v>
      </c>
      <c r="H79" s="36"/>
      <c r="I79" s="37"/>
      <c r="J79" s="31"/>
      <c r="K79" s="34" t="s">
        <v>16</v>
      </c>
      <c r="L79" s="26"/>
    </row>
    <row r="80" spans="2:12" ht="7.5" customHeight="1" x14ac:dyDescent="0.15">
      <c r="B80" s="213"/>
      <c r="C80" s="86"/>
      <c r="D80" s="88"/>
      <c r="E80" s="41"/>
      <c r="F80" s="219"/>
      <c r="G80" s="43"/>
      <c r="H80" s="351"/>
      <c r="I80" s="352"/>
      <c r="J80" s="44"/>
      <c r="K80" s="45"/>
      <c r="L80" s="46"/>
    </row>
    <row r="81" spans="2:12" ht="7.5" customHeight="1" x14ac:dyDescent="0.15">
      <c r="B81" s="210"/>
      <c r="C81" s="94"/>
      <c r="D81" s="94"/>
      <c r="E81" s="98"/>
      <c r="G81" s="94"/>
      <c r="H81" s="94"/>
      <c r="I81" s="94"/>
      <c r="J81" s="94"/>
      <c r="K81" s="94"/>
      <c r="L81" s="332"/>
    </row>
    <row r="82" spans="2:12" ht="14.25" customHeight="1" x14ac:dyDescent="0.15">
      <c r="B82" s="213"/>
      <c r="C82" s="93" t="s">
        <v>264</v>
      </c>
      <c r="D82" s="93" t="s">
        <v>265</v>
      </c>
      <c r="E82" s="261">
        <v>38</v>
      </c>
      <c r="F82" s="391">
        <v>27</v>
      </c>
      <c r="G82" s="94"/>
      <c r="H82" s="94"/>
      <c r="I82" s="391">
        <v>26</v>
      </c>
      <c r="J82" s="57">
        <v>-1</v>
      </c>
      <c r="K82" s="392">
        <v>0.68</v>
      </c>
      <c r="L82" s="334">
        <v>0.63</v>
      </c>
    </row>
    <row r="83" spans="2:12" s="3" customFormat="1" ht="21.75" customHeight="1" x14ac:dyDescent="0.15">
      <c r="B83" s="17"/>
      <c r="C83" s="9" t="s">
        <v>266</v>
      </c>
      <c r="D83" s="9" t="s">
        <v>265</v>
      </c>
      <c r="E83" s="261">
        <v>38</v>
      </c>
      <c r="F83" s="391">
        <v>28</v>
      </c>
      <c r="G83" s="94"/>
      <c r="H83" s="94"/>
      <c r="I83" s="391">
        <v>27</v>
      </c>
      <c r="J83" s="57">
        <v>-1</v>
      </c>
      <c r="K83" s="392">
        <v>0.71</v>
      </c>
      <c r="L83" s="334">
        <v>0.63</v>
      </c>
    </row>
    <row r="84" spans="2:12" s="3" customFormat="1" ht="14.25" customHeight="1" x14ac:dyDescent="0.15">
      <c r="B84" s="17"/>
      <c r="C84" s="9" t="s">
        <v>146</v>
      </c>
      <c r="D84" s="9" t="s">
        <v>267</v>
      </c>
      <c r="E84" s="261">
        <v>38</v>
      </c>
      <c r="F84" s="391">
        <v>28</v>
      </c>
      <c r="G84" s="94"/>
      <c r="H84" s="94"/>
      <c r="I84" s="391">
        <v>34</v>
      </c>
      <c r="J84" s="57">
        <v>6</v>
      </c>
      <c r="K84" s="392">
        <v>0.89</v>
      </c>
      <c r="L84" s="334">
        <v>0.84</v>
      </c>
    </row>
    <row r="85" spans="2:12" s="3" customFormat="1" ht="14.25" customHeight="1" x14ac:dyDescent="0.15">
      <c r="B85" s="17"/>
      <c r="C85" s="9" t="s">
        <v>146</v>
      </c>
      <c r="D85" s="9" t="s">
        <v>268</v>
      </c>
      <c r="E85" s="261">
        <v>38</v>
      </c>
      <c r="F85" s="391">
        <v>16</v>
      </c>
      <c r="G85" s="94"/>
      <c r="H85" s="94"/>
      <c r="I85" s="391">
        <v>18</v>
      </c>
      <c r="J85" s="57">
        <v>2</v>
      </c>
      <c r="K85" s="392">
        <v>0.47</v>
      </c>
      <c r="L85" s="334">
        <v>0.55000000000000004</v>
      </c>
    </row>
    <row r="86" spans="2:12" ht="16.5" customHeight="1" x14ac:dyDescent="0.15">
      <c r="B86" s="213"/>
      <c r="D86" s="393" t="s">
        <v>269</v>
      </c>
      <c r="E86" s="394">
        <v>114</v>
      </c>
      <c r="F86" s="336">
        <v>72</v>
      </c>
      <c r="G86" s="395"/>
      <c r="H86" s="395"/>
      <c r="I86" s="336">
        <v>79</v>
      </c>
      <c r="J86" s="396">
        <v>7</v>
      </c>
      <c r="K86" s="397">
        <v>0.69</v>
      </c>
      <c r="L86" s="338">
        <v>0.68</v>
      </c>
    </row>
    <row r="87" spans="2:12" ht="7.5" customHeight="1" x14ac:dyDescent="0.15">
      <c r="B87" s="213"/>
      <c r="E87" s="304"/>
      <c r="F87" s="56"/>
      <c r="G87" s="262"/>
      <c r="H87" s="339"/>
      <c r="I87" s="263"/>
      <c r="J87" s="263"/>
      <c r="K87" s="329"/>
      <c r="L87" s="309"/>
    </row>
    <row r="88" spans="2:12" ht="7.5" customHeight="1" x14ac:dyDescent="0.15">
      <c r="B88" s="289"/>
      <c r="C88" s="74"/>
      <c r="D88" s="74"/>
      <c r="E88" s="398"/>
      <c r="F88" s="291"/>
      <c r="G88" s="399"/>
      <c r="H88" s="400"/>
      <c r="I88" s="401"/>
      <c r="J88" s="401"/>
      <c r="K88" s="402"/>
      <c r="L88" s="310"/>
    </row>
    <row r="89" spans="2:12" ht="14.25" customHeight="1" x14ac:dyDescent="0.15">
      <c r="B89" s="213"/>
      <c r="C89" s="275" t="s">
        <v>138</v>
      </c>
      <c r="D89" s="276"/>
      <c r="E89" s="267">
        <v>152</v>
      </c>
      <c r="F89" s="403">
        <v>99</v>
      </c>
      <c r="G89" s="404"/>
      <c r="H89" s="404"/>
      <c r="I89" s="403">
        <v>105</v>
      </c>
      <c r="J89" s="405">
        <v>6</v>
      </c>
      <c r="K89" s="337">
        <v>0.69</v>
      </c>
      <c r="L89" s="338">
        <v>0.66</v>
      </c>
    </row>
    <row r="90" spans="2:12" ht="7.5" customHeight="1" x14ac:dyDescent="0.15">
      <c r="B90" s="218"/>
      <c r="C90" s="85"/>
      <c r="D90" s="85"/>
      <c r="E90" s="282"/>
      <c r="F90" s="283"/>
      <c r="G90" s="345"/>
      <c r="H90" s="346"/>
      <c r="I90" s="347"/>
      <c r="J90" s="347"/>
      <c r="K90" s="326"/>
      <c r="L90" s="293"/>
    </row>
    <row r="91" spans="2:12" ht="14.25" customHeight="1" x14ac:dyDescent="0.15">
      <c r="E91" s="56"/>
      <c r="F91" s="56"/>
      <c r="K91" s="329"/>
      <c r="L91" s="230"/>
    </row>
    <row r="92" spans="2:12" ht="7.5" customHeight="1" x14ac:dyDescent="0.15">
      <c r="E92" s="56"/>
      <c r="F92" s="56"/>
      <c r="K92" s="329"/>
      <c r="L92" s="230"/>
    </row>
    <row r="93" spans="2:12" ht="14.25" customHeight="1" x14ac:dyDescent="0.15">
      <c r="B93" s="93" t="s">
        <v>270</v>
      </c>
      <c r="E93" s="56"/>
      <c r="F93" s="56"/>
      <c r="K93" s="329"/>
      <c r="L93" s="230"/>
    </row>
    <row r="94" spans="2:12" ht="7.5" customHeight="1" x14ac:dyDescent="0.15">
      <c r="B94" s="210"/>
      <c r="C94" s="99"/>
      <c r="D94" s="99"/>
      <c r="E94" s="330"/>
      <c r="F94" s="99"/>
      <c r="G94" s="100"/>
      <c r="H94" s="100"/>
      <c r="I94" s="100"/>
      <c r="J94" s="100"/>
      <c r="K94" s="100"/>
      <c r="L94" s="331"/>
    </row>
    <row r="95" spans="2:12" ht="14.25" customHeight="1" x14ac:dyDescent="0.15">
      <c r="B95" s="213"/>
      <c r="E95" s="21"/>
      <c r="F95" s="22" t="s">
        <v>115</v>
      </c>
      <c r="G95" s="23" t="s">
        <v>5</v>
      </c>
      <c r="H95" s="24"/>
      <c r="I95" s="24"/>
      <c r="J95" s="25"/>
      <c r="K95" s="22" t="s">
        <v>5</v>
      </c>
      <c r="L95" s="26" t="s">
        <v>6</v>
      </c>
    </row>
    <row r="96" spans="2:12" ht="14.25" customHeight="1" x14ac:dyDescent="0.15">
      <c r="B96" s="213"/>
      <c r="C96" s="93" t="s">
        <v>7</v>
      </c>
      <c r="D96" s="93" t="s">
        <v>249</v>
      </c>
      <c r="E96" s="30" t="s">
        <v>8</v>
      </c>
      <c r="F96" s="31" t="s">
        <v>9</v>
      </c>
      <c r="G96" s="32" t="s">
        <v>9</v>
      </c>
      <c r="H96" s="32"/>
      <c r="I96" s="32"/>
      <c r="J96" s="33" t="s">
        <v>10</v>
      </c>
      <c r="K96" s="34" t="s">
        <v>11</v>
      </c>
      <c r="L96" s="26"/>
    </row>
    <row r="97" spans="2:12" ht="14.25" customHeight="1" x14ac:dyDescent="0.15">
      <c r="B97" s="213"/>
      <c r="C97" s="94"/>
      <c r="D97" s="113"/>
      <c r="E97" s="30" t="s">
        <v>13</v>
      </c>
      <c r="F97" s="31" t="s">
        <v>14</v>
      </c>
      <c r="G97" s="35" t="s">
        <v>15</v>
      </c>
      <c r="H97" s="36"/>
      <c r="I97" s="37"/>
      <c r="J97" s="31"/>
      <c r="K97" s="34" t="s">
        <v>16</v>
      </c>
      <c r="L97" s="26"/>
    </row>
    <row r="98" spans="2:12" ht="7.5" customHeight="1" x14ac:dyDescent="0.15">
      <c r="B98" s="213"/>
      <c r="C98" s="86"/>
      <c r="D98" s="88"/>
      <c r="E98" s="41"/>
      <c r="F98" s="219"/>
      <c r="G98" s="43"/>
      <c r="H98" s="351"/>
      <c r="I98" s="352"/>
      <c r="J98" s="44"/>
      <c r="K98" s="45"/>
      <c r="L98" s="46"/>
    </row>
    <row r="99" spans="2:12" ht="7.5" customHeight="1" x14ac:dyDescent="0.15">
      <c r="B99" s="210"/>
      <c r="C99" s="94"/>
      <c r="D99" s="94"/>
      <c r="E99" s="98"/>
      <c r="G99" s="94"/>
      <c r="H99" s="94"/>
      <c r="I99" s="94"/>
      <c r="J99" s="94"/>
      <c r="K99" s="94"/>
      <c r="L99" s="332"/>
    </row>
    <row r="100" spans="2:12" ht="14.25" customHeight="1" x14ac:dyDescent="0.15">
      <c r="B100" s="213"/>
      <c r="C100" s="93" t="s">
        <v>271</v>
      </c>
      <c r="D100" s="93" t="s">
        <v>272</v>
      </c>
      <c r="E100" s="261">
        <v>38</v>
      </c>
      <c r="F100" s="391">
        <v>43</v>
      </c>
      <c r="G100" s="94"/>
      <c r="H100" s="94"/>
      <c r="I100" s="391">
        <v>34</v>
      </c>
      <c r="J100" s="57">
        <v>-9</v>
      </c>
      <c r="K100" s="392">
        <v>0.89</v>
      </c>
      <c r="L100" s="334">
        <v>0.84</v>
      </c>
    </row>
    <row r="101" spans="2:12" ht="7.5" customHeight="1" x14ac:dyDescent="0.15">
      <c r="B101" s="218"/>
      <c r="C101" s="85"/>
      <c r="D101" s="85"/>
      <c r="E101" s="282"/>
      <c r="F101" s="283"/>
      <c r="G101" s="345"/>
      <c r="H101" s="346"/>
      <c r="I101" s="347"/>
      <c r="J101" s="347"/>
      <c r="K101" s="326"/>
      <c r="L101" s="293"/>
    </row>
    <row r="102" spans="2:12" ht="14.25" customHeight="1" x14ac:dyDescent="0.15">
      <c r="E102" s="56"/>
      <c r="F102" s="56"/>
      <c r="K102" s="329"/>
      <c r="L102" s="230"/>
    </row>
    <row r="103" spans="2:12" ht="7.5" customHeight="1" x14ac:dyDescent="0.15">
      <c r="E103" s="56"/>
      <c r="F103" s="56"/>
      <c r="K103" s="329"/>
      <c r="L103" s="230"/>
    </row>
    <row r="104" spans="2:12" ht="14.25" customHeight="1" x14ac:dyDescent="0.15">
      <c r="B104" s="93" t="s">
        <v>273</v>
      </c>
      <c r="E104" s="56"/>
      <c r="F104" s="56"/>
      <c r="K104" s="329"/>
      <c r="L104" s="230"/>
    </row>
    <row r="105" spans="2:12" ht="7.5" customHeight="1" x14ac:dyDescent="0.15">
      <c r="B105" s="210"/>
      <c r="C105" s="99"/>
      <c r="D105" s="99"/>
      <c r="E105" s="330"/>
      <c r="F105" s="99"/>
      <c r="G105" s="100"/>
      <c r="H105" s="100"/>
      <c r="I105" s="100"/>
      <c r="J105" s="100"/>
      <c r="K105" s="100"/>
      <c r="L105" s="331"/>
    </row>
    <row r="106" spans="2:12" ht="14.25" customHeight="1" x14ac:dyDescent="0.15">
      <c r="B106" s="213"/>
      <c r="E106" s="21"/>
      <c r="F106" s="22" t="s">
        <v>115</v>
      </c>
      <c r="G106" s="23" t="s">
        <v>5</v>
      </c>
      <c r="H106" s="24"/>
      <c r="I106" s="24"/>
      <c r="J106" s="25"/>
      <c r="K106" s="22" t="s">
        <v>5</v>
      </c>
      <c r="L106" s="26" t="s">
        <v>6</v>
      </c>
    </row>
    <row r="107" spans="2:12" ht="14.25" customHeight="1" x14ac:dyDescent="0.15">
      <c r="B107" s="213"/>
      <c r="C107" s="93" t="s">
        <v>7</v>
      </c>
      <c r="D107" s="93" t="s">
        <v>249</v>
      </c>
      <c r="E107" s="30" t="s">
        <v>8</v>
      </c>
      <c r="F107" s="31" t="s">
        <v>9</v>
      </c>
      <c r="G107" s="32" t="s">
        <v>9</v>
      </c>
      <c r="H107" s="32"/>
      <c r="I107" s="32"/>
      <c r="J107" s="33" t="s">
        <v>10</v>
      </c>
      <c r="K107" s="34" t="s">
        <v>11</v>
      </c>
      <c r="L107" s="26"/>
    </row>
    <row r="108" spans="2:12" ht="14.25" customHeight="1" x14ac:dyDescent="0.15">
      <c r="B108" s="213"/>
      <c r="C108" s="94"/>
      <c r="D108" s="113"/>
      <c r="E108" s="30" t="s">
        <v>13</v>
      </c>
      <c r="F108" s="31" t="s">
        <v>14</v>
      </c>
      <c r="G108" s="35" t="s">
        <v>15</v>
      </c>
      <c r="H108" s="36"/>
      <c r="I108" s="37"/>
      <c r="J108" s="31"/>
      <c r="K108" s="34" t="s">
        <v>16</v>
      </c>
      <c r="L108" s="26"/>
    </row>
    <row r="109" spans="2:12" ht="7.5" customHeight="1" x14ac:dyDescent="0.15">
      <c r="B109" s="213"/>
      <c r="C109" s="86"/>
      <c r="D109" s="88"/>
      <c r="E109" s="41"/>
      <c r="F109" s="219"/>
      <c r="G109" s="43"/>
      <c r="H109" s="351"/>
      <c r="I109" s="352"/>
      <c r="J109" s="44"/>
      <c r="K109" s="45"/>
      <c r="L109" s="46"/>
    </row>
    <row r="110" spans="2:12" ht="7.5" customHeight="1" x14ac:dyDescent="0.15">
      <c r="B110" s="210"/>
      <c r="C110" s="94"/>
      <c r="D110" s="94"/>
      <c r="E110" s="98"/>
      <c r="G110" s="94"/>
      <c r="H110" s="94"/>
      <c r="I110" s="94"/>
      <c r="J110" s="94"/>
      <c r="K110" s="94"/>
      <c r="L110" s="332"/>
    </row>
    <row r="111" spans="2:12" ht="15" customHeight="1" x14ac:dyDescent="0.15">
      <c r="B111" s="213"/>
      <c r="C111" s="214" t="s">
        <v>274</v>
      </c>
      <c r="D111" s="93" t="s">
        <v>275</v>
      </c>
      <c r="E111" s="261">
        <v>158</v>
      </c>
      <c r="F111" s="391">
        <v>266</v>
      </c>
      <c r="G111" s="94"/>
      <c r="H111" s="94"/>
      <c r="I111" s="391">
        <v>255</v>
      </c>
      <c r="J111" s="57">
        <v>-11</v>
      </c>
      <c r="K111" s="392">
        <v>1.61</v>
      </c>
      <c r="L111" s="334">
        <v>1.54</v>
      </c>
    </row>
    <row r="112" spans="2:12" ht="7.5" customHeight="1" x14ac:dyDescent="0.15">
      <c r="B112" s="218"/>
      <c r="C112" s="85"/>
      <c r="D112" s="85"/>
      <c r="E112" s="282"/>
      <c r="F112" s="406"/>
      <c r="G112" s="406"/>
      <c r="H112" s="406"/>
      <c r="I112" s="406"/>
      <c r="J112" s="406"/>
      <c r="K112" s="326"/>
      <c r="L112" s="407"/>
    </row>
    <row r="113" spans="2:12" ht="14.25" customHeight="1" x14ac:dyDescent="0.15">
      <c r="E113" s="56"/>
      <c r="F113" s="56"/>
      <c r="K113" s="329"/>
      <c r="L113" s="230"/>
    </row>
    <row r="114" spans="2:12" ht="7.5" customHeight="1" x14ac:dyDescent="0.15">
      <c r="E114" s="56"/>
      <c r="F114" s="56"/>
      <c r="K114" s="329"/>
      <c r="L114" s="230"/>
    </row>
    <row r="115" spans="2:12" ht="14.25" customHeight="1" x14ac:dyDescent="0.15">
      <c r="B115" s="9" t="s">
        <v>276</v>
      </c>
      <c r="E115" s="56"/>
      <c r="F115" s="56"/>
      <c r="K115" s="329"/>
      <c r="L115" s="230"/>
    </row>
    <row r="116" spans="2:12" ht="7.5" customHeight="1" x14ac:dyDescent="0.15">
      <c r="B116" s="210"/>
      <c r="C116" s="99"/>
      <c r="D116" s="99"/>
      <c r="E116" s="330"/>
      <c r="F116" s="99"/>
      <c r="G116" s="100"/>
      <c r="H116" s="100"/>
      <c r="I116" s="100"/>
      <c r="J116" s="100"/>
      <c r="K116" s="100"/>
      <c r="L116" s="331"/>
    </row>
    <row r="117" spans="2:12" ht="14.25" customHeight="1" x14ac:dyDescent="0.15">
      <c r="B117" s="213"/>
      <c r="E117" s="21"/>
      <c r="F117" s="22" t="s">
        <v>115</v>
      </c>
      <c r="G117" s="23" t="s">
        <v>5</v>
      </c>
      <c r="H117" s="24"/>
      <c r="I117" s="24"/>
      <c r="J117" s="25"/>
      <c r="K117" s="22" t="s">
        <v>5</v>
      </c>
      <c r="L117" s="26" t="s">
        <v>6</v>
      </c>
    </row>
    <row r="118" spans="2:12" ht="14.25" customHeight="1" x14ac:dyDescent="0.15">
      <c r="B118" s="213"/>
      <c r="C118" s="93" t="s">
        <v>7</v>
      </c>
      <c r="D118" s="93" t="s">
        <v>249</v>
      </c>
      <c r="E118" s="30" t="s">
        <v>8</v>
      </c>
      <c r="F118" s="31" t="s">
        <v>9</v>
      </c>
      <c r="G118" s="32" t="s">
        <v>9</v>
      </c>
      <c r="H118" s="32"/>
      <c r="I118" s="32"/>
      <c r="J118" s="33" t="s">
        <v>10</v>
      </c>
      <c r="K118" s="34" t="s">
        <v>11</v>
      </c>
      <c r="L118" s="26"/>
    </row>
    <row r="119" spans="2:12" ht="14.25" customHeight="1" x14ac:dyDescent="0.15">
      <c r="B119" s="213"/>
      <c r="C119" s="94"/>
      <c r="D119" s="113"/>
      <c r="E119" s="30" t="s">
        <v>13</v>
      </c>
      <c r="F119" s="31" t="s">
        <v>14</v>
      </c>
      <c r="G119" s="35" t="s">
        <v>15</v>
      </c>
      <c r="H119" s="36"/>
      <c r="I119" s="37"/>
      <c r="J119" s="31"/>
      <c r="K119" s="34" t="s">
        <v>16</v>
      </c>
      <c r="L119" s="26"/>
    </row>
    <row r="120" spans="2:12" ht="7.5" customHeight="1" x14ac:dyDescent="0.15">
      <c r="B120" s="213"/>
      <c r="C120" s="86"/>
      <c r="D120" s="88"/>
      <c r="E120" s="41"/>
      <c r="F120" s="219"/>
      <c r="G120" s="43"/>
      <c r="H120" s="351"/>
      <c r="I120" s="352"/>
      <c r="J120" s="44"/>
      <c r="K120" s="45"/>
      <c r="L120" s="46"/>
    </row>
    <row r="121" spans="2:12" ht="7.5" customHeight="1" x14ac:dyDescent="0.15">
      <c r="B121" s="210"/>
      <c r="C121" s="94"/>
      <c r="D121" s="94"/>
      <c r="E121" s="98"/>
      <c r="G121" s="94"/>
      <c r="H121" s="94"/>
      <c r="I121" s="94"/>
      <c r="J121" s="94"/>
      <c r="K121" s="94"/>
      <c r="L121" s="332"/>
    </row>
    <row r="122" spans="2:12" ht="14.25" customHeight="1" x14ac:dyDescent="0.15">
      <c r="B122" s="213"/>
      <c r="C122" s="93" t="s">
        <v>277</v>
      </c>
      <c r="D122" s="9" t="s">
        <v>278</v>
      </c>
      <c r="E122" s="261">
        <v>78</v>
      </c>
      <c r="F122" s="391">
        <v>85</v>
      </c>
      <c r="G122" s="94"/>
      <c r="H122" s="94"/>
      <c r="I122" s="391">
        <v>85</v>
      </c>
      <c r="J122" s="57">
        <v>0</v>
      </c>
      <c r="K122" s="392">
        <v>1.0900000000000001</v>
      </c>
      <c r="L122" s="334">
        <v>1.58</v>
      </c>
    </row>
    <row r="123" spans="2:12" ht="7.5" customHeight="1" x14ac:dyDescent="0.15">
      <c r="B123" s="218"/>
      <c r="C123" s="85"/>
      <c r="D123" s="85"/>
      <c r="E123" s="282"/>
      <c r="F123" s="406"/>
      <c r="G123" s="406"/>
      <c r="H123" s="406"/>
      <c r="I123" s="406"/>
      <c r="J123" s="406"/>
      <c r="K123" s="326"/>
      <c r="L123" s="407"/>
    </row>
    <row r="124" spans="2:12" ht="14.1" customHeight="1" x14ac:dyDescent="0.15">
      <c r="B124" s="408"/>
      <c r="C124" s="408"/>
      <c r="D124" s="408"/>
      <c r="E124" s="408"/>
      <c r="F124" s="408"/>
      <c r="G124" s="408"/>
      <c r="H124" s="408"/>
      <c r="I124" s="408"/>
      <c r="J124" s="408"/>
      <c r="K124" s="408"/>
      <c r="L124" s="408"/>
    </row>
    <row r="125" spans="2:12" ht="8.4499999999999993" customHeight="1" x14ac:dyDescent="0.15">
      <c r="E125" s="56"/>
      <c r="F125" s="56"/>
      <c r="K125" s="329"/>
      <c r="L125" s="230"/>
    </row>
    <row r="126" spans="2:12" ht="7.5" customHeight="1" x14ac:dyDescent="0.15">
      <c r="E126" s="56"/>
      <c r="F126" s="56"/>
      <c r="K126" s="329"/>
      <c r="L126" s="230"/>
    </row>
    <row r="127" spans="2:12" ht="14.25" customHeight="1" x14ac:dyDescent="0.15">
      <c r="B127" s="9" t="s">
        <v>279</v>
      </c>
      <c r="E127" s="56"/>
      <c r="F127" s="56"/>
      <c r="K127" s="329"/>
      <c r="L127" s="230"/>
    </row>
    <row r="128" spans="2:12" ht="7.5" customHeight="1" x14ac:dyDescent="0.15">
      <c r="B128" s="210"/>
      <c r="C128" s="99"/>
      <c r="D128" s="99"/>
      <c r="E128" s="330"/>
      <c r="F128" s="99"/>
      <c r="G128" s="100"/>
      <c r="H128" s="100"/>
      <c r="I128" s="100"/>
      <c r="J128" s="100"/>
      <c r="K128" s="100"/>
      <c r="L128" s="331"/>
    </row>
    <row r="129" spans="2:12" ht="14.25" customHeight="1" x14ac:dyDescent="0.15">
      <c r="B129" s="213"/>
      <c r="E129" s="21"/>
      <c r="F129" s="22" t="s">
        <v>115</v>
      </c>
      <c r="G129" s="23" t="s">
        <v>5</v>
      </c>
      <c r="H129" s="24"/>
      <c r="I129" s="24"/>
      <c r="J129" s="25"/>
      <c r="K129" s="22" t="s">
        <v>5</v>
      </c>
      <c r="L129" s="26" t="s">
        <v>6</v>
      </c>
    </row>
    <row r="130" spans="2:12" ht="14.25" customHeight="1" x14ac:dyDescent="0.15">
      <c r="B130" s="213"/>
      <c r="C130" s="93" t="s">
        <v>7</v>
      </c>
      <c r="D130" s="93" t="s">
        <v>249</v>
      </c>
      <c r="E130" s="30" t="s">
        <v>8</v>
      </c>
      <c r="F130" s="31" t="s">
        <v>9</v>
      </c>
      <c r="G130" s="32" t="s">
        <v>9</v>
      </c>
      <c r="H130" s="32"/>
      <c r="I130" s="32"/>
      <c r="J130" s="33" t="s">
        <v>10</v>
      </c>
      <c r="K130" s="34" t="s">
        <v>11</v>
      </c>
      <c r="L130" s="26"/>
    </row>
    <row r="131" spans="2:12" ht="14.25" customHeight="1" x14ac:dyDescent="0.15">
      <c r="B131" s="213"/>
      <c r="C131" s="94"/>
      <c r="D131" s="113"/>
      <c r="E131" s="30" t="s">
        <v>13</v>
      </c>
      <c r="F131" s="31" t="s">
        <v>14</v>
      </c>
      <c r="G131" s="35" t="s">
        <v>15</v>
      </c>
      <c r="H131" s="36"/>
      <c r="I131" s="37"/>
      <c r="J131" s="31"/>
      <c r="K131" s="34" t="s">
        <v>16</v>
      </c>
      <c r="L131" s="26"/>
    </row>
    <row r="132" spans="2:12" ht="7.5" customHeight="1" x14ac:dyDescent="0.15">
      <c r="B132" s="213"/>
      <c r="C132" s="86"/>
      <c r="D132" s="88"/>
      <c r="E132" s="41"/>
      <c r="F132" s="219"/>
      <c r="G132" s="43"/>
      <c r="H132" s="351"/>
      <c r="I132" s="352"/>
      <c r="J132" s="44"/>
      <c r="K132" s="45"/>
      <c r="L132" s="46"/>
    </row>
    <row r="133" spans="2:12" ht="7.5" customHeight="1" x14ac:dyDescent="0.15">
      <c r="B133" s="210"/>
      <c r="C133" s="94"/>
      <c r="D133" s="94"/>
      <c r="E133" s="98"/>
      <c r="G133" s="94"/>
      <c r="H133" s="94"/>
      <c r="I133" s="94"/>
      <c r="J133" s="94"/>
      <c r="K133" s="94"/>
      <c r="L133" s="332"/>
    </row>
    <row r="134" spans="2:12" ht="14.25" customHeight="1" x14ac:dyDescent="0.15">
      <c r="B134" s="213"/>
      <c r="C134" s="93" t="s">
        <v>277</v>
      </c>
      <c r="D134" s="9" t="s">
        <v>280</v>
      </c>
      <c r="E134" s="261">
        <v>38</v>
      </c>
      <c r="F134" s="391">
        <v>45</v>
      </c>
      <c r="G134" s="94"/>
      <c r="H134" s="94"/>
      <c r="I134" s="391">
        <v>45</v>
      </c>
      <c r="J134" s="57">
        <v>0</v>
      </c>
      <c r="K134" s="392">
        <v>1.18</v>
      </c>
      <c r="L134" s="409">
        <v>1.33</v>
      </c>
    </row>
    <row r="135" spans="2:12" ht="7.5" customHeight="1" x14ac:dyDescent="0.15">
      <c r="B135" s="218"/>
      <c r="C135" s="85"/>
      <c r="D135" s="85"/>
      <c r="E135" s="282"/>
      <c r="F135" s="406"/>
      <c r="G135" s="406"/>
      <c r="H135" s="406"/>
      <c r="I135" s="406"/>
      <c r="J135" s="406"/>
      <c r="K135" s="326"/>
      <c r="L135" s="407"/>
    </row>
    <row r="136" spans="2:12" ht="14.25" customHeight="1" x14ac:dyDescent="0.15">
      <c r="B136" s="408"/>
      <c r="C136" s="408"/>
      <c r="D136" s="408"/>
      <c r="E136" s="408"/>
      <c r="F136" s="408"/>
      <c r="G136" s="408"/>
      <c r="H136" s="408"/>
      <c r="I136" s="408"/>
      <c r="J136" s="408"/>
      <c r="K136" s="408"/>
      <c r="L136" s="408"/>
    </row>
    <row r="137" spans="2:12" ht="7.5" customHeight="1" x14ac:dyDescent="0.15">
      <c r="E137" s="56"/>
      <c r="F137" s="56"/>
      <c r="K137" s="329"/>
      <c r="L137" s="230"/>
    </row>
    <row r="138" spans="2:12" ht="14.25" customHeight="1" x14ac:dyDescent="0.15">
      <c r="B138" s="286" t="s">
        <v>281</v>
      </c>
      <c r="E138" s="56"/>
      <c r="F138" s="56"/>
      <c r="K138" s="329"/>
      <c r="L138" s="230"/>
    </row>
    <row r="139" spans="2:12" ht="7.5" customHeight="1" x14ac:dyDescent="0.15">
      <c r="B139" s="210"/>
      <c r="C139" s="99"/>
      <c r="D139" s="99"/>
      <c r="E139" s="330"/>
      <c r="F139" s="99"/>
      <c r="G139" s="100"/>
      <c r="H139" s="100"/>
      <c r="I139" s="100"/>
      <c r="J139" s="100"/>
      <c r="K139" s="100"/>
      <c r="L139" s="331"/>
    </row>
    <row r="140" spans="2:12" ht="14.25" customHeight="1" x14ac:dyDescent="0.15">
      <c r="B140" s="213"/>
      <c r="E140" s="21"/>
      <c r="F140" s="22" t="s">
        <v>115</v>
      </c>
      <c r="G140" s="23" t="s">
        <v>5</v>
      </c>
      <c r="H140" s="24"/>
      <c r="I140" s="24"/>
      <c r="J140" s="25"/>
      <c r="K140" s="22" t="s">
        <v>5</v>
      </c>
      <c r="L140" s="26" t="s">
        <v>6</v>
      </c>
    </row>
    <row r="141" spans="2:12" ht="14.25" customHeight="1" x14ac:dyDescent="0.15">
      <c r="B141" s="213"/>
      <c r="C141" s="93" t="s">
        <v>7</v>
      </c>
      <c r="D141" s="93" t="s">
        <v>249</v>
      </c>
      <c r="E141" s="30" t="s">
        <v>8</v>
      </c>
      <c r="F141" s="31" t="s">
        <v>9</v>
      </c>
      <c r="G141" s="32" t="s">
        <v>9</v>
      </c>
      <c r="H141" s="32"/>
      <c r="I141" s="32"/>
      <c r="J141" s="33" t="s">
        <v>10</v>
      </c>
      <c r="K141" s="34" t="s">
        <v>11</v>
      </c>
      <c r="L141" s="26"/>
    </row>
    <row r="142" spans="2:12" ht="14.25" customHeight="1" x14ac:dyDescent="0.15">
      <c r="B142" s="213"/>
      <c r="C142" s="94"/>
      <c r="D142" s="113"/>
      <c r="E142" s="30" t="s">
        <v>13</v>
      </c>
      <c r="F142" s="31" t="s">
        <v>14</v>
      </c>
      <c r="G142" s="35" t="s">
        <v>15</v>
      </c>
      <c r="H142" s="36"/>
      <c r="I142" s="37"/>
      <c r="J142" s="31"/>
      <c r="K142" s="34" t="s">
        <v>16</v>
      </c>
      <c r="L142" s="26"/>
    </row>
    <row r="143" spans="2:12" ht="7.5" customHeight="1" x14ac:dyDescent="0.15">
      <c r="B143" s="213"/>
      <c r="C143" s="86"/>
      <c r="D143" s="88"/>
      <c r="E143" s="41"/>
      <c r="F143" s="219"/>
      <c r="G143" s="43"/>
      <c r="H143" s="351"/>
      <c r="I143" s="352"/>
      <c r="J143" s="44"/>
      <c r="K143" s="45"/>
      <c r="L143" s="46"/>
    </row>
    <row r="144" spans="2:12" ht="7.5" customHeight="1" x14ac:dyDescent="0.15">
      <c r="B144" s="210"/>
      <c r="C144" s="94"/>
      <c r="D144" s="94"/>
      <c r="E144" s="98"/>
      <c r="G144" s="94"/>
      <c r="H144" s="94"/>
      <c r="I144" s="94"/>
      <c r="J144" s="94"/>
      <c r="K144" s="94"/>
      <c r="L144" s="332"/>
    </row>
    <row r="145" spans="2:12" ht="14.25" customHeight="1" x14ac:dyDescent="0.15">
      <c r="B145" s="213"/>
      <c r="C145" s="93" t="s">
        <v>277</v>
      </c>
      <c r="D145" s="9" t="s">
        <v>282</v>
      </c>
      <c r="E145" s="261">
        <v>38</v>
      </c>
      <c r="F145" s="391">
        <v>56</v>
      </c>
      <c r="G145" s="94"/>
      <c r="H145" s="94"/>
      <c r="I145" s="391">
        <v>55</v>
      </c>
      <c r="J145" s="57">
        <v>-1</v>
      </c>
      <c r="K145" s="392">
        <v>1.45</v>
      </c>
      <c r="L145" s="409">
        <v>1.56</v>
      </c>
    </row>
    <row r="146" spans="2:12" ht="7.5" customHeight="1" x14ac:dyDescent="0.15">
      <c r="B146" s="218"/>
      <c r="C146" s="85"/>
      <c r="D146" s="85"/>
      <c r="E146" s="282"/>
      <c r="F146" s="406"/>
      <c r="G146" s="406"/>
      <c r="H146" s="406"/>
      <c r="I146" s="406"/>
      <c r="J146" s="406"/>
      <c r="K146" s="326"/>
      <c r="L146" s="407"/>
    </row>
    <row r="147" spans="2:12" ht="14.1" customHeight="1" x14ac:dyDescent="0.15">
      <c r="B147" s="408"/>
      <c r="C147" s="408"/>
      <c r="D147" s="408"/>
      <c r="E147" s="408"/>
      <c r="F147" s="408"/>
      <c r="G147" s="408"/>
      <c r="H147" s="408"/>
      <c r="I147" s="408"/>
      <c r="J147" s="408"/>
      <c r="K147" s="408"/>
      <c r="L147" s="408"/>
    </row>
    <row r="148" spans="2:12" ht="7.5" customHeight="1" x14ac:dyDescent="0.15">
      <c r="E148" s="56"/>
      <c r="F148" s="56"/>
      <c r="K148" s="329"/>
      <c r="L148" s="230"/>
    </row>
    <row r="149" spans="2:12" ht="14.25" customHeight="1" x14ac:dyDescent="0.15">
      <c r="B149" s="93" t="s">
        <v>283</v>
      </c>
      <c r="E149" s="56"/>
      <c r="F149" s="56"/>
      <c r="K149" s="329"/>
      <c r="L149" s="230"/>
    </row>
    <row r="150" spans="2:12" ht="7.5" customHeight="1" x14ac:dyDescent="0.15">
      <c r="B150" s="210"/>
      <c r="C150" s="99"/>
      <c r="D150" s="99"/>
      <c r="E150" s="330"/>
      <c r="F150" s="99"/>
      <c r="G150" s="100"/>
      <c r="H150" s="100"/>
      <c r="I150" s="100"/>
      <c r="J150" s="100"/>
      <c r="K150" s="100"/>
      <c r="L150" s="331"/>
    </row>
    <row r="151" spans="2:12" ht="14.25" customHeight="1" x14ac:dyDescent="0.15">
      <c r="B151" s="213"/>
      <c r="E151" s="21"/>
      <c r="F151" s="22" t="s">
        <v>115</v>
      </c>
      <c r="G151" s="23" t="s">
        <v>5</v>
      </c>
      <c r="H151" s="24"/>
      <c r="I151" s="24"/>
      <c r="J151" s="25"/>
      <c r="K151" s="22" t="s">
        <v>5</v>
      </c>
      <c r="L151" s="26" t="s">
        <v>6</v>
      </c>
    </row>
    <row r="152" spans="2:12" ht="14.25" customHeight="1" x14ac:dyDescent="0.15">
      <c r="B152" s="213"/>
      <c r="C152" s="93" t="s">
        <v>7</v>
      </c>
      <c r="D152" s="93" t="s">
        <v>221</v>
      </c>
      <c r="E152" s="30" t="s">
        <v>8</v>
      </c>
      <c r="F152" s="31" t="s">
        <v>9</v>
      </c>
      <c r="G152" s="32" t="s">
        <v>9</v>
      </c>
      <c r="H152" s="32"/>
      <c r="I152" s="32"/>
      <c r="J152" s="33" t="s">
        <v>10</v>
      </c>
      <c r="K152" s="34" t="s">
        <v>11</v>
      </c>
      <c r="L152" s="26"/>
    </row>
    <row r="153" spans="2:12" ht="14.25" customHeight="1" x14ac:dyDescent="0.15">
      <c r="B153" s="213"/>
      <c r="C153" s="94"/>
      <c r="D153" s="113"/>
      <c r="E153" s="30" t="s">
        <v>13</v>
      </c>
      <c r="F153" s="31" t="s">
        <v>14</v>
      </c>
      <c r="G153" s="35" t="s">
        <v>15</v>
      </c>
      <c r="H153" s="36"/>
      <c r="I153" s="37"/>
      <c r="J153" s="31"/>
      <c r="K153" s="34" t="s">
        <v>16</v>
      </c>
      <c r="L153" s="26"/>
    </row>
    <row r="154" spans="2:12" ht="7.5" customHeight="1" x14ac:dyDescent="0.15">
      <c r="B154" s="213"/>
      <c r="C154" s="86"/>
      <c r="D154" s="88"/>
      <c r="E154" s="41"/>
      <c r="F154" s="219"/>
      <c r="G154" s="43"/>
      <c r="H154" s="351"/>
      <c r="I154" s="352"/>
      <c r="J154" s="44"/>
      <c r="K154" s="45"/>
      <c r="L154" s="46"/>
    </row>
    <row r="155" spans="2:12" ht="7.5" customHeight="1" x14ac:dyDescent="0.15">
      <c r="B155" s="210"/>
      <c r="C155" s="94"/>
      <c r="D155" s="94"/>
      <c r="E155" s="98"/>
      <c r="G155" s="94"/>
      <c r="H155" s="94"/>
      <c r="I155" s="94"/>
      <c r="J155" s="94"/>
      <c r="K155" s="94"/>
      <c r="L155" s="332"/>
    </row>
    <row r="156" spans="2:12" ht="14.25" customHeight="1" x14ac:dyDescent="0.15">
      <c r="B156" s="213"/>
      <c r="C156" s="9" t="s">
        <v>284</v>
      </c>
      <c r="D156" s="93" t="s">
        <v>285</v>
      </c>
      <c r="E156" s="261">
        <v>139</v>
      </c>
      <c r="F156" s="391">
        <v>156</v>
      </c>
      <c r="G156" s="94"/>
      <c r="H156" s="94"/>
      <c r="I156" s="391">
        <v>168</v>
      </c>
      <c r="J156" s="57">
        <v>12</v>
      </c>
      <c r="K156" s="392">
        <v>1.21</v>
      </c>
      <c r="L156" s="409">
        <v>1.48</v>
      </c>
    </row>
    <row r="157" spans="2:12" s="3" customFormat="1" ht="28.5" customHeight="1" x14ac:dyDescent="0.15">
      <c r="B157" s="17"/>
      <c r="C157" s="295" t="s">
        <v>144</v>
      </c>
      <c r="D157" s="410" t="s">
        <v>286</v>
      </c>
      <c r="E157" s="411">
        <v>20</v>
      </c>
      <c r="F157" s="412">
        <v>24</v>
      </c>
      <c r="G157" s="20"/>
      <c r="H157" s="20"/>
      <c r="I157" s="412">
        <v>22</v>
      </c>
      <c r="J157" s="413">
        <v>-2</v>
      </c>
      <c r="K157" s="414">
        <v>1.1000000000000001</v>
      </c>
      <c r="L157" s="415">
        <v>1.25</v>
      </c>
    </row>
    <row r="158" spans="2:12" ht="13.5" customHeight="1" x14ac:dyDescent="0.15">
      <c r="B158" s="213"/>
      <c r="C158" s="9"/>
      <c r="D158" s="416" t="s">
        <v>269</v>
      </c>
      <c r="E158" s="417">
        <v>159</v>
      </c>
      <c r="F158" s="405">
        <v>180</v>
      </c>
      <c r="G158" s="405"/>
      <c r="H158" s="405"/>
      <c r="I158" s="405">
        <v>190</v>
      </c>
      <c r="J158" s="405">
        <v>10</v>
      </c>
      <c r="K158" s="337">
        <v>1.19</v>
      </c>
      <c r="L158" s="418">
        <v>1.45</v>
      </c>
    </row>
    <row r="159" spans="2:12" ht="7.5" customHeight="1" x14ac:dyDescent="0.15">
      <c r="B159" s="218"/>
      <c r="C159" s="85"/>
      <c r="D159" s="85"/>
      <c r="E159" s="282"/>
      <c r="F159" s="406"/>
      <c r="G159" s="406"/>
      <c r="H159" s="406"/>
      <c r="I159" s="406"/>
      <c r="J159" s="406"/>
      <c r="K159" s="326"/>
      <c r="L159" s="407"/>
    </row>
    <row r="160" spans="2:12" x14ac:dyDescent="0.15">
      <c r="B160" s="120" t="s">
        <v>287</v>
      </c>
      <c r="C160" s="120"/>
      <c r="D160" s="120"/>
      <c r="E160" s="120"/>
      <c r="F160" s="120"/>
      <c r="G160" s="120"/>
      <c r="H160" s="120"/>
      <c r="I160" s="120"/>
      <c r="J160" s="120"/>
      <c r="K160" s="120"/>
      <c r="L160" s="120"/>
    </row>
    <row r="161" spans="2:12" ht="15.95" customHeight="1" x14ac:dyDescent="0.15">
      <c r="E161" s="56"/>
      <c r="F161" s="56"/>
      <c r="K161" s="329"/>
      <c r="L161" s="230"/>
    </row>
    <row r="162" spans="2:12" ht="14.25" customHeight="1" x14ac:dyDescent="0.15">
      <c r="B162" s="93" t="s">
        <v>288</v>
      </c>
      <c r="E162" s="56"/>
      <c r="F162" s="56"/>
      <c r="K162" s="329"/>
      <c r="L162" s="230"/>
    </row>
    <row r="163" spans="2:12" ht="7.5" customHeight="1" x14ac:dyDescent="0.15">
      <c r="B163" s="210"/>
      <c r="C163" s="99"/>
      <c r="D163" s="99"/>
      <c r="E163" s="330"/>
      <c r="F163" s="99"/>
      <c r="G163" s="100"/>
      <c r="H163" s="100"/>
      <c r="I163" s="100"/>
      <c r="J163" s="100"/>
      <c r="K163" s="100"/>
      <c r="L163" s="331"/>
    </row>
    <row r="164" spans="2:12" ht="14.25" customHeight="1" x14ac:dyDescent="0.15">
      <c r="B164" s="213"/>
      <c r="E164" s="21"/>
      <c r="F164" s="22" t="s">
        <v>115</v>
      </c>
      <c r="G164" s="23" t="s">
        <v>5</v>
      </c>
      <c r="H164" s="24"/>
      <c r="I164" s="24"/>
      <c r="J164" s="25"/>
      <c r="K164" s="22" t="s">
        <v>5</v>
      </c>
      <c r="L164" s="26" t="s">
        <v>6</v>
      </c>
    </row>
    <row r="165" spans="2:12" ht="14.25" customHeight="1" x14ac:dyDescent="0.15">
      <c r="B165" s="213"/>
      <c r="C165" s="93" t="s">
        <v>7</v>
      </c>
      <c r="D165" s="93" t="s">
        <v>249</v>
      </c>
      <c r="E165" s="30" t="s">
        <v>8</v>
      </c>
      <c r="F165" s="31" t="s">
        <v>9</v>
      </c>
      <c r="G165" s="32" t="s">
        <v>9</v>
      </c>
      <c r="H165" s="32"/>
      <c r="I165" s="32"/>
      <c r="J165" s="33" t="s">
        <v>10</v>
      </c>
      <c r="K165" s="34" t="s">
        <v>11</v>
      </c>
      <c r="L165" s="26"/>
    </row>
    <row r="166" spans="2:12" ht="14.25" customHeight="1" x14ac:dyDescent="0.15">
      <c r="B166" s="213"/>
      <c r="C166" s="94"/>
      <c r="D166" s="113"/>
      <c r="E166" s="30" t="s">
        <v>13</v>
      </c>
      <c r="F166" s="31" t="s">
        <v>14</v>
      </c>
      <c r="G166" s="35" t="s">
        <v>15</v>
      </c>
      <c r="H166" s="36"/>
      <c r="I166" s="37"/>
      <c r="J166" s="31"/>
      <c r="K166" s="34" t="s">
        <v>16</v>
      </c>
      <c r="L166" s="26"/>
    </row>
    <row r="167" spans="2:12" ht="7.5" customHeight="1" x14ac:dyDescent="0.15">
      <c r="B167" s="213"/>
      <c r="C167" s="86"/>
      <c r="D167" s="88"/>
      <c r="E167" s="41"/>
      <c r="F167" s="219"/>
      <c r="G167" s="43"/>
      <c r="H167" s="351"/>
      <c r="I167" s="352"/>
      <c r="J167" s="44"/>
      <c r="K167" s="45"/>
      <c r="L167" s="46"/>
    </row>
    <row r="168" spans="2:12" ht="7.5" customHeight="1" x14ac:dyDescent="0.15">
      <c r="B168" s="210"/>
      <c r="C168" s="94"/>
      <c r="D168" s="94"/>
      <c r="E168" s="98"/>
      <c r="G168" s="94"/>
      <c r="H168" s="94"/>
      <c r="I168" s="94"/>
      <c r="J168" s="94"/>
      <c r="K168" s="94"/>
      <c r="L168" s="332"/>
    </row>
    <row r="169" spans="2:12" ht="14.25" customHeight="1" x14ac:dyDescent="0.15">
      <c r="B169" s="213"/>
      <c r="C169" s="93" t="s">
        <v>289</v>
      </c>
      <c r="D169" s="93" t="s">
        <v>290</v>
      </c>
      <c r="E169" s="261">
        <v>238</v>
      </c>
      <c r="F169" s="391">
        <v>204</v>
      </c>
      <c r="G169" s="94"/>
      <c r="H169" s="94"/>
      <c r="I169" s="391">
        <v>218</v>
      </c>
      <c r="J169" s="57">
        <v>14</v>
      </c>
      <c r="K169" s="392">
        <v>0.92</v>
      </c>
      <c r="L169" s="409">
        <v>1.1000000000000001</v>
      </c>
    </row>
    <row r="170" spans="2:12" ht="7.5" customHeight="1" x14ac:dyDescent="0.15">
      <c r="B170" s="218"/>
      <c r="C170" s="85"/>
      <c r="D170" s="85"/>
      <c r="E170" s="282"/>
      <c r="F170" s="283"/>
      <c r="G170" s="345"/>
      <c r="H170" s="346"/>
      <c r="I170" s="347"/>
      <c r="J170" s="347"/>
      <c r="K170" s="326"/>
      <c r="L170" s="293"/>
    </row>
    <row r="171" spans="2:12" ht="23.1" customHeight="1" x14ac:dyDescent="0.15">
      <c r="E171" s="56"/>
      <c r="F171" s="56"/>
      <c r="G171" s="262"/>
      <c r="H171" s="339"/>
      <c r="I171" s="263"/>
      <c r="J171" s="263"/>
      <c r="K171" s="329"/>
      <c r="L171" s="230"/>
    </row>
    <row r="172" spans="2:12" s="9" customFormat="1" ht="14.25" customHeight="1" x14ac:dyDescent="0.15">
      <c r="B172" s="9" t="s">
        <v>291</v>
      </c>
      <c r="E172" s="419"/>
      <c r="I172" s="420"/>
      <c r="J172" s="421"/>
      <c r="L172" s="227"/>
    </row>
    <row r="173" spans="2:12" s="9" customFormat="1" ht="7.5" customHeight="1" x14ac:dyDescent="0.15">
      <c r="B173" s="210"/>
      <c r="C173" s="99"/>
      <c r="D173" s="99"/>
      <c r="E173" s="330"/>
      <c r="F173" s="99"/>
      <c r="G173" s="100"/>
      <c r="H173" s="100"/>
      <c r="I173" s="100"/>
      <c r="J173" s="100"/>
      <c r="K173" s="100"/>
      <c r="L173" s="331"/>
    </row>
    <row r="174" spans="2:12" s="9" customFormat="1" ht="14.25" customHeight="1" x14ac:dyDescent="0.15">
      <c r="B174" s="213"/>
      <c r="C174" s="93"/>
      <c r="D174" s="93"/>
      <c r="E174" s="21"/>
      <c r="F174" s="22" t="s">
        <v>115</v>
      </c>
      <c r="G174" s="23" t="s">
        <v>5</v>
      </c>
      <c r="H174" s="24"/>
      <c r="I174" s="24"/>
      <c r="J174" s="25"/>
      <c r="K174" s="22" t="s">
        <v>5</v>
      </c>
      <c r="L174" s="26" t="s">
        <v>6</v>
      </c>
    </row>
    <row r="175" spans="2:12" s="9" customFormat="1" ht="14.25" customHeight="1" x14ac:dyDescent="0.15">
      <c r="B175" s="213"/>
      <c r="C175" s="93" t="s">
        <v>7</v>
      </c>
      <c r="D175" s="93" t="s">
        <v>249</v>
      </c>
      <c r="E175" s="30" t="s">
        <v>8</v>
      </c>
      <c r="F175" s="31" t="s">
        <v>9</v>
      </c>
      <c r="G175" s="32" t="s">
        <v>9</v>
      </c>
      <c r="H175" s="32"/>
      <c r="I175" s="32"/>
      <c r="J175" s="33" t="s">
        <v>10</v>
      </c>
      <c r="K175" s="34" t="s">
        <v>11</v>
      </c>
      <c r="L175" s="26"/>
    </row>
    <row r="176" spans="2:12" s="9" customFormat="1" ht="14.25" customHeight="1" x14ac:dyDescent="0.15">
      <c r="B176" s="213"/>
      <c r="C176" s="94"/>
      <c r="D176" s="113"/>
      <c r="E176" s="30" t="s">
        <v>13</v>
      </c>
      <c r="F176" s="31" t="s">
        <v>14</v>
      </c>
      <c r="G176" s="35" t="s">
        <v>15</v>
      </c>
      <c r="H176" s="36"/>
      <c r="I176" s="37"/>
      <c r="J176" s="31"/>
      <c r="K176" s="34" t="s">
        <v>16</v>
      </c>
      <c r="L176" s="26"/>
    </row>
    <row r="177" spans="1:12" s="9" customFormat="1" ht="7.5" customHeight="1" x14ac:dyDescent="0.15">
      <c r="B177" s="213"/>
      <c r="C177" s="86"/>
      <c r="D177" s="88"/>
      <c r="E177" s="41"/>
      <c r="F177" s="219"/>
      <c r="G177" s="43"/>
      <c r="H177" s="351"/>
      <c r="I177" s="352"/>
      <c r="J177" s="44"/>
      <c r="K177" s="45"/>
      <c r="L177" s="46"/>
    </row>
    <row r="178" spans="1:12" s="9" customFormat="1" ht="7.5" customHeight="1" x14ac:dyDescent="0.15">
      <c r="B178" s="210"/>
      <c r="C178" s="94"/>
      <c r="D178" s="94"/>
      <c r="E178" s="98"/>
      <c r="F178" s="93"/>
      <c r="G178" s="94"/>
      <c r="H178" s="94"/>
      <c r="I178" s="94"/>
      <c r="J178" s="94"/>
      <c r="K178" s="94"/>
      <c r="L178" s="332"/>
    </row>
    <row r="179" spans="1:12" s="9" customFormat="1" ht="14.25" customHeight="1" x14ac:dyDescent="0.15">
      <c r="B179" s="213"/>
      <c r="C179" s="93" t="s">
        <v>222</v>
      </c>
      <c r="D179" s="93" t="s">
        <v>292</v>
      </c>
      <c r="E179" s="261">
        <v>30</v>
      </c>
      <c r="F179" s="391">
        <v>36</v>
      </c>
      <c r="G179" s="94"/>
      <c r="H179" s="94"/>
      <c r="I179" s="391">
        <v>37</v>
      </c>
      <c r="J179" s="57">
        <v>1</v>
      </c>
      <c r="K179" s="392">
        <v>1.23</v>
      </c>
      <c r="L179" s="409">
        <v>1.9</v>
      </c>
    </row>
    <row r="180" spans="1:12" s="9" customFormat="1" ht="7.5" customHeight="1" x14ac:dyDescent="0.15">
      <c r="B180" s="218"/>
      <c r="C180" s="85"/>
      <c r="D180" s="85"/>
      <c r="E180" s="282"/>
      <c r="F180" s="283"/>
      <c r="G180" s="345"/>
      <c r="H180" s="346"/>
      <c r="I180" s="347"/>
      <c r="J180" s="347"/>
      <c r="K180" s="326"/>
      <c r="L180" s="293"/>
    </row>
    <row r="181" spans="1:12" ht="24" customHeight="1" x14ac:dyDescent="0.15"/>
    <row r="182" spans="1:12" ht="14.25" customHeight="1" x14ac:dyDescent="0.15">
      <c r="A182" s="422" t="s">
        <v>293</v>
      </c>
      <c r="C182" s="422"/>
      <c r="D182" s="295"/>
      <c r="E182" s="423"/>
      <c r="F182" s="424"/>
      <c r="G182" s="424"/>
      <c r="H182" s="424"/>
      <c r="I182" s="295"/>
      <c r="J182" s="424"/>
      <c r="K182" s="295"/>
      <c r="L182" s="425"/>
    </row>
    <row r="183" spans="1:12" ht="14.25" customHeight="1" x14ac:dyDescent="0.15">
      <c r="A183" s="295"/>
      <c r="B183" s="426"/>
      <c r="C183" s="426"/>
      <c r="D183" s="295"/>
      <c r="E183" s="423"/>
      <c r="F183" s="424"/>
      <c r="G183" s="424"/>
      <c r="H183" s="424"/>
      <c r="I183" s="295"/>
      <c r="J183" s="424"/>
      <c r="K183" s="295"/>
      <c r="L183" s="425"/>
    </row>
    <row r="184" spans="1:12" x14ac:dyDescent="0.15">
      <c r="A184" s="295"/>
      <c r="B184" s="427"/>
      <c r="C184" s="428"/>
      <c r="D184" s="18"/>
      <c r="E184" s="330"/>
      <c r="F184" s="99"/>
      <c r="G184" s="100"/>
      <c r="H184" s="100"/>
      <c r="I184" s="100"/>
      <c r="J184" s="100"/>
      <c r="K184" s="100"/>
      <c r="L184" s="331"/>
    </row>
    <row r="185" spans="1:12" x14ac:dyDescent="0.15">
      <c r="A185" s="295"/>
      <c r="B185" s="313"/>
      <c r="C185" s="10"/>
      <c r="D185" s="295"/>
      <c r="E185" s="21"/>
      <c r="F185" s="22" t="s">
        <v>115</v>
      </c>
      <c r="G185" s="23" t="s">
        <v>5</v>
      </c>
      <c r="H185" s="24"/>
      <c r="I185" s="24"/>
      <c r="J185" s="25"/>
      <c r="K185" s="22" t="s">
        <v>5</v>
      </c>
      <c r="L185" s="26" t="s">
        <v>6</v>
      </c>
    </row>
    <row r="186" spans="1:12" x14ac:dyDescent="0.15">
      <c r="A186" s="295"/>
      <c r="B186" s="313"/>
      <c r="C186" s="9" t="s">
        <v>7</v>
      </c>
      <c r="D186" s="9" t="s">
        <v>249</v>
      </c>
      <c r="E186" s="30" t="s">
        <v>8</v>
      </c>
      <c r="F186" s="31" t="s">
        <v>9</v>
      </c>
      <c r="G186" s="32" t="s">
        <v>9</v>
      </c>
      <c r="H186" s="32"/>
      <c r="I186" s="32"/>
      <c r="J186" s="33" t="s">
        <v>10</v>
      </c>
      <c r="K186" s="34" t="s">
        <v>11</v>
      </c>
      <c r="L186" s="26"/>
    </row>
    <row r="187" spans="1:12" x14ac:dyDescent="0.15">
      <c r="A187" s="295"/>
      <c r="B187" s="313"/>
      <c r="C187" s="10"/>
      <c r="D187" s="10"/>
      <c r="E187" s="30" t="s">
        <v>13</v>
      </c>
      <c r="F187" s="31" t="s">
        <v>14</v>
      </c>
      <c r="G187" s="35" t="s">
        <v>15</v>
      </c>
      <c r="H187" s="36"/>
      <c r="I187" s="37"/>
      <c r="J187" s="31"/>
      <c r="K187" s="34" t="s">
        <v>16</v>
      </c>
      <c r="L187" s="26"/>
    </row>
    <row r="188" spans="1:12" x14ac:dyDescent="0.15">
      <c r="A188" s="295"/>
      <c r="B188" s="313"/>
      <c r="C188" s="429"/>
      <c r="D188" s="258"/>
      <c r="E188" s="41"/>
      <c r="F188" s="219"/>
      <c r="G188" s="43"/>
      <c r="H188" s="351"/>
      <c r="I188" s="352"/>
      <c r="J188" s="430"/>
      <c r="K188" s="45"/>
      <c r="L188" s="46"/>
    </row>
    <row r="189" spans="1:12" x14ac:dyDescent="0.15">
      <c r="A189" s="295"/>
      <c r="B189" s="427"/>
      <c r="C189" s="431"/>
      <c r="D189" s="10"/>
      <c r="E189" s="200"/>
      <c r="F189" s="18"/>
      <c r="G189" s="18"/>
      <c r="H189" s="18"/>
      <c r="I189" s="18"/>
      <c r="J189" s="432"/>
      <c r="K189" s="433"/>
      <c r="L189" s="434"/>
    </row>
    <row r="190" spans="1:12" x14ac:dyDescent="0.15">
      <c r="A190" s="295"/>
      <c r="B190" s="313"/>
      <c r="C190" s="115" t="s">
        <v>38</v>
      </c>
      <c r="D190" s="115" t="s">
        <v>230</v>
      </c>
      <c r="E190" s="261">
        <v>40</v>
      </c>
      <c r="F190" s="419">
        <v>40</v>
      </c>
      <c r="G190" s="435" t="s">
        <v>294</v>
      </c>
      <c r="H190" s="435"/>
      <c r="I190" s="435"/>
      <c r="J190" s="436" t="s">
        <v>294</v>
      </c>
      <c r="K190" s="437" t="s">
        <v>295</v>
      </c>
      <c r="L190" s="438" t="s">
        <v>295</v>
      </c>
    </row>
    <row r="191" spans="1:12" x14ac:dyDescent="0.15">
      <c r="A191" s="295"/>
      <c r="B191" s="313"/>
      <c r="C191" s="115" t="s">
        <v>296</v>
      </c>
      <c r="D191" s="115" t="s">
        <v>230</v>
      </c>
      <c r="E191" s="261">
        <v>45</v>
      </c>
      <c r="F191" s="419">
        <v>31</v>
      </c>
      <c r="G191" s="435" t="s">
        <v>294</v>
      </c>
      <c r="H191" s="435"/>
      <c r="I191" s="435"/>
      <c r="J191" s="436" t="s">
        <v>294</v>
      </c>
      <c r="K191" s="437" t="s">
        <v>295</v>
      </c>
      <c r="L191" s="438" t="s">
        <v>295</v>
      </c>
    </row>
    <row r="192" spans="1:12" x14ac:dyDescent="0.15">
      <c r="A192" s="295"/>
      <c r="B192" s="439"/>
      <c r="C192" s="440"/>
      <c r="D192" s="441"/>
      <c r="E192" s="442"/>
      <c r="F192" s="443"/>
      <c r="G192" s="441"/>
      <c r="H192" s="443"/>
      <c r="I192" s="444"/>
      <c r="J192" s="445"/>
      <c r="K192" s="27"/>
      <c r="L192" s="446"/>
    </row>
    <row r="193" spans="1:12" ht="7.5" customHeight="1" x14ac:dyDescent="0.15">
      <c r="A193" s="295"/>
      <c r="B193" s="447"/>
      <c r="C193" s="448"/>
      <c r="D193" s="115"/>
      <c r="E193" s="197"/>
      <c r="F193" s="449"/>
      <c r="G193" s="450"/>
      <c r="H193" s="449"/>
      <c r="I193" s="451"/>
      <c r="J193" s="452"/>
      <c r="K193" s="453"/>
      <c r="L193" s="454"/>
    </row>
    <row r="194" spans="1:12" x14ac:dyDescent="0.15">
      <c r="A194" s="295"/>
      <c r="B194" s="455"/>
      <c r="C194" s="456" t="s">
        <v>132</v>
      </c>
      <c r="D194" s="457"/>
      <c r="E194" s="417">
        <v>85</v>
      </c>
      <c r="F194" s="458">
        <v>71</v>
      </c>
      <c r="G194" s="459" t="s">
        <v>226</v>
      </c>
      <c r="H194" s="435"/>
      <c r="I194" s="435"/>
      <c r="J194" s="460" t="s">
        <v>226</v>
      </c>
      <c r="K194" s="461" t="s">
        <v>226</v>
      </c>
      <c r="L194" s="462" t="s">
        <v>226</v>
      </c>
    </row>
    <row r="195" spans="1:12" ht="6" customHeight="1" x14ac:dyDescent="0.15">
      <c r="A195" s="295"/>
      <c r="B195" s="463"/>
      <c r="C195" s="464"/>
      <c r="D195" s="465"/>
      <c r="E195" s="466"/>
      <c r="F195" s="467"/>
      <c r="G195" s="465"/>
      <c r="H195" s="467"/>
      <c r="I195" s="468"/>
      <c r="J195" s="467"/>
      <c r="K195" s="469"/>
      <c r="L195" s="470"/>
    </row>
  </sheetData>
  <mergeCells count="27">
    <mergeCell ref="G190:I190"/>
    <mergeCell ref="G191:I191"/>
    <mergeCell ref="C194:D194"/>
    <mergeCell ref="G194:I194"/>
    <mergeCell ref="B147:L147"/>
    <mergeCell ref="L151:L153"/>
    <mergeCell ref="B160:L160"/>
    <mergeCell ref="L164:L166"/>
    <mergeCell ref="L174:L176"/>
    <mergeCell ref="L185:L187"/>
    <mergeCell ref="L106:L108"/>
    <mergeCell ref="L117:L119"/>
    <mergeCell ref="B124:L124"/>
    <mergeCell ref="L129:L131"/>
    <mergeCell ref="B136:L136"/>
    <mergeCell ref="L140:L142"/>
    <mergeCell ref="C61:D61"/>
    <mergeCell ref="B63:L63"/>
    <mergeCell ref="L67:L69"/>
    <mergeCell ref="L77:L79"/>
    <mergeCell ref="C89:D89"/>
    <mergeCell ref="L95:L97"/>
    <mergeCell ref="L5:L7"/>
    <mergeCell ref="C30:D30"/>
    <mergeCell ref="B32:L32"/>
    <mergeCell ref="L36:L38"/>
    <mergeCell ref="L47:L49"/>
  </mergeCells>
  <phoneticPr fontId="3"/>
  <pageMargins left="0.78740157480314965" right="0.78740157480314965" top="0.78740157480314965" bottom="0.78740157480314965" header="0.35433070866141736" footer="0.39370078740157483"/>
  <pageSetup paperSize="9" scale="82" firstPageNumber="8" fitToHeight="0" orientation="portrait" useFirstPageNumber="1" r:id="rId1"/>
  <headerFooter alignWithMargins="0">
    <oddFooter>&amp;C&amp;"ＭＳ ゴシック,標準"&amp;P</oddFooter>
  </headerFooter>
  <rowBreaks count="2" manualBreakCount="2">
    <brk id="64" max="10" man="1"/>
    <brk id="137" max="10"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83A9EBA-280A-4C47-B173-D8A359E640B0}">
  <dimension ref="A1:M119"/>
  <sheetViews>
    <sheetView view="pageBreakPreview" zoomScale="85" zoomScaleNormal="85" zoomScaleSheetLayoutView="85" workbookViewId="0"/>
  </sheetViews>
  <sheetFormatPr defaultColWidth="9" defaultRowHeight="13.5" x14ac:dyDescent="0.15"/>
  <cols>
    <col min="1" max="1" width="1.125" style="478" customWidth="1"/>
    <col min="2" max="2" width="1.25" style="478" customWidth="1"/>
    <col min="3" max="3" width="19.125" style="478" customWidth="1"/>
    <col min="4" max="4" width="13.25" style="478" customWidth="1"/>
    <col min="5" max="5" width="7.75" style="478" bestFit="1" customWidth="1"/>
    <col min="6" max="7" width="9" style="478" bestFit="1" customWidth="1"/>
    <col min="8" max="8" width="4.875" style="478" customWidth="1"/>
    <col min="9" max="9" width="4.625" style="478" customWidth="1"/>
    <col min="10" max="10" width="5.125" style="478" customWidth="1"/>
    <col min="11" max="11" width="7" style="478" customWidth="1"/>
    <col min="12" max="12" width="7.5" style="478" bestFit="1" customWidth="1"/>
    <col min="13" max="13" width="7.125" style="478" bestFit="1" customWidth="1"/>
    <col min="14" max="16384" width="9" style="478"/>
  </cols>
  <sheetData>
    <row r="1" spans="2:13" s="472" customFormat="1" ht="15" customHeight="1" x14ac:dyDescent="0.15">
      <c r="B1" s="471" t="s">
        <v>297</v>
      </c>
      <c r="D1" s="473"/>
      <c r="E1" s="474"/>
      <c r="F1" s="474"/>
      <c r="G1" s="474"/>
      <c r="H1" s="474"/>
      <c r="I1" s="474"/>
      <c r="K1" s="474"/>
      <c r="L1" s="475"/>
      <c r="M1" s="476"/>
    </row>
    <row r="2" spans="2:13" s="472" customFormat="1" ht="15" customHeight="1" x14ac:dyDescent="0.15">
      <c r="B2" s="471"/>
      <c r="D2" s="473"/>
      <c r="E2" s="474"/>
      <c r="F2" s="474"/>
      <c r="G2" s="474"/>
      <c r="H2" s="474"/>
      <c r="I2" s="474"/>
      <c r="K2" s="474"/>
      <c r="L2" s="475"/>
      <c r="M2" s="476"/>
    </row>
    <row r="3" spans="2:13" ht="14.25" x14ac:dyDescent="0.15">
      <c r="B3" s="477" t="s">
        <v>298</v>
      </c>
      <c r="E3" s="479"/>
      <c r="F3" s="479"/>
      <c r="G3" s="479"/>
      <c r="H3" s="479"/>
      <c r="I3" s="479"/>
      <c r="K3" s="479"/>
      <c r="L3" s="480"/>
      <c r="M3" s="481"/>
    </row>
    <row r="4" spans="2:13" ht="14.25" customHeight="1" x14ac:dyDescent="0.15">
      <c r="B4" s="478" t="s">
        <v>299</v>
      </c>
      <c r="E4" s="479"/>
      <c r="F4" s="479"/>
      <c r="G4" s="479"/>
      <c r="H4" s="479"/>
      <c r="I4" s="479"/>
      <c r="K4" s="479"/>
      <c r="L4" s="480"/>
      <c r="M4" s="481"/>
    </row>
    <row r="5" spans="2:13" ht="7.5" customHeight="1" x14ac:dyDescent="0.15">
      <c r="B5" s="482"/>
      <c r="C5" s="483"/>
      <c r="D5" s="483"/>
      <c r="E5" s="358"/>
      <c r="F5" s="483"/>
      <c r="G5" s="483"/>
      <c r="H5" s="483"/>
      <c r="I5" s="483"/>
      <c r="J5" s="484"/>
      <c r="K5" s="483"/>
      <c r="L5" s="484"/>
      <c r="M5" s="485"/>
    </row>
    <row r="6" spans="2:13" ht="15.75" customHeight="1" x14ac:dyDescent="0.15">
      <c r="B6" s="486"/>
      <c r="E6" s="360" t="s">
        <v>300</v>
      </c>
      <c r="F6" s="487" t="s">
        <v>301</v>
      </c>
      <c r="G6" s="361" t="s">
        <v>4</v>
      </c>
      <c r="H6" s="488" t="s">
        <v>116</v>
      </c>
      <c r="I6" s="489"/>
      <c r="J6" s="489"/>
      <c r="K6" s="364"/>
      <c r="L6" s="361" t="s">
        <v>5</v>
      </c>
      <c r="M6" s="490" t="s">
        <v>6</v>
      </c>
    </row>
    <row r="7" spans="2:13" ht="14.25" customHeight="1" x14ac:dyDescent="0.15">
      <c r="B7" s="486"/>
      <c r="C7" s="478" t="s">
        <v>7</v>
      </c>
      <c r="D7" s="478" t="s">
        <v>302</v>
      </c>
      <c r="E7" s="365" t="s">
        <v>303</v>
      </c>
      <c r="F7" s="491" t="s">
        <v>304</v>
      </c>
      <c r="G7" s="491" t="s">
        <v>9</v>
      </c>
      <c r="H7" s="492" t="s">
        <v>117</v>
      </c>
      <c r="I7" s="492" t="s">
        <v>117</v>
      </c>
      <c r="J7" s="493" t="s">
        <v>118</v>
      </c>
      <c r="K7" s="491" t="s">
        <v>305</v>
      </c>
      <c r="L7" s="494" t="s">
        <v>11</v>
      </c>
      <c r="M7" s="490"/>
    </row>
    <row r="8" spans="2:13" ht="14.25" customHeight="1" x14ac:dyDescent="0.15">
      <c r="B8" s="486"/>
      <c r="C8" s="495"/>
      <c r="D8" s="496"/>
      <c r="E8" s="365"/>
      <c r="F8" s="491" t="s">
        <v>13</v>
      </c>
      <c r="G8" s="491" t="s">
        <v>14</v>
      </c>
      <c r="H8" s="497" t="s">
        <v>120</v>
      </c>
      <c r="I8" s="497" t="s">
        <v>121</v>
      </c>
      <c r="J8" s="491" t="s">
        <v>306</v>
      </c>
      <c r="K8" s="491"/>
      <c r="L8" s="494" t="s">
        <v>16</v>
      </c>
      <c r="M8" s="490"/>
    </row>
    <row r="9" spans="2:13" ht="5.25" customHeight="1" x14ac:dyDescent="0.15">
      <c r="B9" s="498"/>
      <c r="C9" s="499"/>
      <c r="D9" s="500"/>
      <c r="E9" s="375"/>
      <c r="F9" s="501"/>
      <c r="G9" s="501"/>
      <c r="H9" s="502"/>
      <c r="I9" s="502"/>
      <c r="J9" s="503"/>
      <c r="K9" s="501"/>
      <c r="L9" s="504"/>
      <c r="M9" s="505"/>
    </row>
    <row r="10" spans="2:13" ht="7.5" customHeight="1" x14ac:dyDescent="0.15">
      <c r="B10" s="482"/>
      <c r="C10" s="484"/>
      <c r="D10" s="484"/>
      <c r="E10" s="382"/>
      <c r="F10" s="483"/>
      <c r="G10" s="483"/>
      <c r="H10" s="483"/>
      <c r="I10" s="483"/>
      <c r="J10" s="484"/>
      <c r="K10" s="483"/>
      <c r="L10" s="484"/>
      <c r="M10" s="506"/>
    </row>
    <row r="11" spans="2:13" ht="14.25" customHeight="1" x14ac:dyDescent="0.15">
      <c r="B11" s="486"/>
      <c r="C11" s="478" t="s">
        <v>307</v>
      </c>
      <c r="D11" s="478" t="s">
        <v>308</v>
      </c>
      <c r="E11" s="236">
        <v>70</v>
      </c>
      <c r="F11" s="507">
        <v>56</v>
      </c>
      <c r="G11" s="508">
        <v>14</v>
      </c>
      <c r="H11" s="509" t="s">
        <v>224</v>
      </c>
      <c r="I11" s="509" t="s">
        <v>224</v>
      </c>
      <c r="J11" s="508">
        <v>14</v>
      </c>
      <c r="K11" s="510">
        <v>0</v>
      </c>
      <c r="L11" s="511">
        <v>0.25</v>
      </c>
      <c r="M11" s="512">
        <v>0.41</v>
      </c>
    </row>
    <row r="12" spans="2:13" ht="14.25" customHeight="1" x14ac:dyDescent="0.15">
      <c r="B12" s="486"/>
      <c r="C12" s="478" t="s">
        <v>60</v>
      </c>
      <c r="D12" s="478" t="s">
        <v>308</v>
      </c>
      <c r="E12" s="236">
        <v>70</v>
      </c>
      <c r="F12" s="507">
        <v>56</v>
      </c>
      <c r="G12" s="508">
        <v>11</v>
      </c>
      <c r="H12" s="509" t="s">
        <v>224</v>
      </c>
      <c r="I12" s="509" t="s">
        <v>224</v>
      </c>
      <c r="J12" s="508">
        <v>11</v>
      </c>
      <c r="K12" s="510">
        <v>0</v>
      </c>
      <c r="L12" s="511">
        <v>0.2</v>
      </c>
      <c r="M12" s="512">
        <v>0.25</v>
      </c>
    </row>
    <row r="13" spans="2:13" ht="14.25" customHeight="1" x14ac:dyDescent="0.15">
      <c r="B13" s="486"/>
      <c r="C13" s="478" t="s">
        <v>62</v>
      </c>
      <c r="D13" s="478" t="s">
        <v>308</v>
      </c>
      <c r="E13" s="236">
        <v>70</v>
      </c>
      <c r="F13" s="507">
        <v>56</v>
      </c>
      <c r="G13" s="508">
        <v>15</v>
      </c>
      <c r="H13" s="509" t="s">
        <v>224</v>
      </c>
      <c r="I13" s="509" t="s">
        <v>224</v>
      </c>
      <c r="J13" s="508">
        <v>15</v>
      </c>
      <c r="K13" s="510">
        <v>0</v>
      </c>
      <c r="L13" s="511">
        <v>0.27</v>
      </c>
      <c r="M13" s="512">
        <v>0.23</v>
      </c>
    </row>
    <row r="14" spans="2:13" ht="14.25" customHeight="1" x14ac:dyDescent="0.15">
      <c r="B14" s="486"/>
      <c r="C14" s="478" t="s">
        <v>113</v>
      </c>
      <c r="D14" s="478" t="s">
        <v>308</v>
      </c>
      <c r="E14" s="236">
        <v>70</v>
      </c>
      <c r="F14" s="507">
        <v>56</v>
      </c>
      <c r="G14" s="508">
        <v>5</v>
      </c>
      <c r="H14" s="509" t="s">
        <v>224</v>
      </c>
      <c r="I14" s="509" t="s">
        <v>224</v>
      </c>
      <c r="J14" s="508">
        <v>5</v>
      </c>
      <c r="K14" s="510">
        <v>0</v>
      </c>
      <c r="L14" s="511">
        <v>0.09</v>
      </c>
      <c r="M14" s="512">
        <v>0.23</v>
      </c>
    </row>
    <row r="15" spans="2:13" ht="21.75" customHeight="1" x14ac:dyDescent="0.15">
      <c r="B15" s="486"/>
      <c r="C15" s="478" t="s">
        <v>309</v>
      </c>
      <c r="D15" s="478" t="s">
        <v>308</v>
      </c>
      <c r="E15" s="236">
        <v>140</v>
      </c>
      <c r="F15" s="507">
        <v>112</v>
      </c>
      <c r="G15" s="508">
        <v>25</v>
      </c>
      <c r="H15" s="509" t="s">
        <v>224</v>
      </c>
      <c r="I15" s="509" t="s">
        <v>224</v>
      </c>
      <c r="J15" s="508">
        <v>26</v>
      </c>
      <c r="K15" s="510">
        <v>1</v>
      </c>
      <c r="L15" s="511">
        <v>0.23</v>
      </c>
      <c r="M15" s="512">
        <v>0.27</v>
      </c>
    </row>
    <row r="16" spans="2:13" x14ac:dyDescent="0.15">
      <c r="B16" s="486"/>
      <c r="C16" s="227" t="s">
        <v>310</v>
      </c>
      <c r="D16" s="227" t="s">
        <v>311</v>
      </c>
      <c r="E16" s="236">
        <v>132</v>
      </c>
      <c r="F16" s="507">
        <v>132</v>
      </c>
      <c r="G16" s="508">
        <v>102</v>
      </c>
      <c r="H16" s="508">
        <v>89</v>
      </c>
      <c r="I16" s="508">
        <v>13</v>
      </c>
      <c r="J16" s="508">
        <v>102</v>
      </c>
      <c r="K16" s="510">
        <v>0</v>
      </c>
      <c r="L16" s="480">
        <v>0.77</v>
      </c>
      <c r="M16" s="512">
        <v>0.64</v>
      </c>
    </row>
    <row r="17" spans="2:13" x14ac:dyDescent="0.15">
      <c r="B17" s="486"/>
      <c r="C17" s="478" t="s">
        <v>312</v>
      </c>
      <c r="D17" s="478" t="s">
        <v>308</v>
      </c>
      <c r="E17" s="236">
        <v>70</v>
      </c>
      <c r="F17" s="507">
        <v>56</v>
      </c>
      <c r="G17" s="508">
        <v>24</v>
      </c>
      <c r="H17" s="508">
        <v>22</v>
      </c>
      <c r="I17" s="508">
        <v>0</v>
      </c>
      <c r="J17" s="508">
        <v>22</v>
      </c>
      <c r="K17" s="510">
        <v>-2</v>
      </c>
      <c r="L17" s="480">
        <v>0.39</v>
      </c>
      <c r="M17" s="512">
        <v>0.34</v>
      </c>
    </row>
    <row r="18" spans="2:13" ht="14.25" customHeight="1" x14ac:dyDescent="0.15">
      <c r="B18" s="486"/>
      <c r="C18" s="478" t="s">
        <v>313</v>
      </c>
      <c r="D18" s="478" t="s">
        <v>308</v>
      </c>
      <c r="E18" s="236">
        <v>70</v>
      </c>
      <c r="F18" s="507">
        <v>56</v>
      </c>
      <c r="G18" s="508">
        <v>9</v>
      </c>
      <c r="H18" s="508">
        <v>8</v>
      </c>
      <c r="I18" s="508">
        <v>1</v>
      </c>
      <c r="J18" s="508">
        <v>9</v>
      </c>
      <c r="K18" s="510">
        <v>0</v>
      </c>
      <c r="L18" s="480">
        <v>0.16</v>
      </c>
      <c r="M18" s="512">
        <v>0.39</v>
      </c>
    </row>
    <row r="19" spans="2:13" ht="7.5" customHeight="1" x14ac:dyDescent="0.15">
      <c r="B19" s="486"/>
      <c r="C19" s="513"/>
      <c r="D19" s="513"/>
      <c r="E19" s="236"/>
      <c r="F19" s="507"/>
      <c r="G19" s="479"/>
      <c r="H19" s="479"/>
      <c r="I19" s="479"/>
      <c r="J19" s="508"/>
      <c r="K19" s="514"/>
      <c r="L19" s="480"/>
      <c r="M19" s="512"/>
    </row>
    <row r="20" spans="2:13" ht="7.5" customHeight="1" x14ac:dyDescent="0.15">
      <c r="B20" s="515"/>
      <c r="C20" s="516"/>
      <c r="D20" s="516"/>
      <c r="E20" s="242"/>
      <c r="F20" s="517"/>
      <c r="G20" s="518"/>
      <c r="H20" s="518"/>
      <c r="I20" s="518"/>
      <c r="J20" s="519"/>
      <c r="K20" s="520"/>
      <c r="L20" s="521"/>
      <c r="M20" s="522"/>
    </row>
    <row r="21" spans="2:13" s="531" customFormat="1" ht="14.25" customHeight="1" x14ac:dyDescent="0.15">
      <c r="B21" s="523"/>
      <c r="C21" s="524" t="s">
        <v>138</v>
      </c>
      <c r="D21" s="525"/>
      <c r="E21" s="247">
        <v>692</v>
      </c>
      <c r="F21" s="526">
        <v>580</v>
      </c>
      <c r="G21" s="527">
        <v>205</v>
      </c>
      <c r="H21" s="509" t="s">
        <v>226</v>
      </c>
      <c r="I21" s="509" t="s">
        <v>226</v>
      </c>
      <c r="J21" s="527">
        <v>204</v>
      </c>
      <c r="K21" s="528">
        <v>-1</v>
      </c>
      <c r="L21" s="529">
        <v>0.35</v>
      </c>
      <c r="M21" s="530">
        <v>0.33</v>
      </c>
    </row>
    <row r="22" spans="2:13" ht="7.5" customHeight="1" x14ac:dyDescent="0.15">
      <c r="B22" s="498"/>
      <c r="C22" s="532"/>
      <c r="D22" s="532"/>
      <c r="E22" s="533"/>
      <c r="F22" s="534"/>
      <c r="G22" s="534"/>
      <c r="H22" s="534"/>
      <c r="I22" s="534"/>
      <c r="J22" s="535"/>
      <c r="K22" s="534"/>
      <c r="L22" s="536"/>
      <c r="M22" s="537"/>
    </row>
    <row r="23" spans="2:13" x14ac:dyDescent="0.15">
      <c r="E23" s="479"/>
      <c r="F23" s="479"/>
      <c r="G23" s="479"/>
      <c r="H23" s="479"/>
      <c r="I23" s="479"/>
      <c r="K23" s="479"/>
      <c r="L23" s="480"/>
      <c r="M23" s="481"/>
    </row>
    <row r="24" spans="2:13" x14ac:dyDescent="0.15">
      <c r="B24" s="478" t="s">
        <v>314</v>
      </c>
      <c r="E24" s="479"/>
      <c r="F24" s="479"/>
      <c r="G24" s="479"/>
      <c r="H24" s="479"/>
      <c r="I24" s="479"/>
      <c r="K24" s="479"/>
      <c r="L24" s="480"/>
      <c r="M24" s="481"/>
    </row>
    <row r="25" spans="2:13" ht="7.5" customHeight="1" x14ac:dyDescent="0.15">
      <c r="B25" s="482"/>
      <c r="C25" s="483"/>
      <c r="D25" s="483"/>
      <c r="E25" s="358"/>
      <c r="F25" s="483"/>
      <c r="G25" s="483"/>
      <c r="H25" s="483"/>
      <c r="I25" s="483"/>
      <c r="J25" s="484"/>
      <c r="K25" s="483"/>
      <c r="L25" s="484"/>
      <c r="M25" s="485"/>
    </row>
    <row r="26" spans="2:13" ht="15.75" customHeight="1" x14ac:dyDescent="0.15">
      <c r="B26" s="486"/>
      <c r="E26" s="360" t="s">
        <v>300</v>
      </c>
      <c r="F26" s="487" t="s">
        <v>301</v>
      </c>
      <c r="G26" s="361" t="s">
        <v>115</v>
      </c>
      <c r="H26" s="362" t="s">
        <v>5</v>
      </c>
      <c r="I26" s="363"/>
      <c r="J26" s="363"/>
      <c r="K26" s="364"/>
      <c r="L26" s="361" t="s">
        <v>5</v>
      </c>
      <c r="M26" s="490" t="s">
        <v>6</v>
      </c>
    </row>
    <row r="27" spans="2:13" ht="14.25" customHeight="1" x14ac:dyDescent="0.15">
      <c r="B27" s="486"/>
      <c r="C27" s="478" t="s">
        <v>7</v>
      </c>
      <c r="D27" s="478" t="s">
        <v>249</v>
      </c>
      <c r="E27" s="365" t="s">
        <v>303</v>
      </c>
      <c r="F27" s="491" t="s">
        <v>304</v>
      </c>
      <c r="G27" s="491" t="s">
        <v>9</v>
      </c>
      <c r="H27" s="367" t="s">
        <v>9</v>
      </c>
      <c r="I27" s="367"/>
      <c r="J27" s="367"/>
      <c r="K27" s="491" t="s">
        <v>305</v>
      </c>
      <c r="L27" s="494" t="s">
        <v>11</v>
      </c>
      <c r="M27" s="490"/>
    </row>
    <row r="28" spans="2:13" ht="14.25" customHeight="1" x14ac:dyDescent="0.15">
      <c r="B28" s="486"/>
      <c r="C28" s="495"/>
      <c r="D28" s="496"/>
      <c r="E28" s="365"/>
      <c r="F28" s="491" t="s">
        <v>13</v>
      </c>
      <c r="G28" s="491" t="s">
        <v>14</v>
      </c>
      <c r="H28" s="538" t="s">
        <v>306</v>
      </c>
      <c r="I28" s="372"/>
      <c r="J28" s="373"/>
      <c r="K28" s="491"/>
      <c r="L28" s="494" t="s">
        <v>16</v>
      </c>
      <c r="M28" s="490"/>
    </row>
    <row r="29" spans="2:13" ht="6" customHeight="1" x14ac:dyDescent="0.15">
      <c r="B29" s="498"/>
      <c r="C29" s="499"/>
      <c r="D29" s="500"/>
      <c r="E29" s="375"/>
      <c r="F29" s="501"/>
      <c r="G29" s="501"/>
      <c r="H29" s="377"/>
      <c r="I29" s="539"/>
      <c r="J29" s="380"/>
      <c r="K29" s="501"/>
      <c r="L29" s="504"/>
      <c r="M29" s="505"/>
    </row>
    <row r="30" spans="2:13" ht="7.5" customHeight="1" x14ac:dyDescent="0.15">
      <c r="B30" s="482"/>
      <c r="C30" s="495"/>
      <c r="D30" s="495"/>
      <c r="E30" s="382"/>
      <c r="J30" s="495"/>
      <c r="L30" s="495"/>
      <c r="M30" s="506"/>
    </row>
    <row r="31" spans="2:13" ht="12.75" customHeight="1" x14ac:dyDescent="0.15">
      <c r="B31" s="486"/>
      <c r="C31" s="478" t="s">
        <v>315</v>
      </c>
      <c r="D31" s="478" t="s">
        <v>316</v>
      </c>
      <c r="E31" s="236">
        <v>35</v>
      </c>
      <c r="F31" s="507">
        <v>28</v>
      </c>
      <c r="G31" s="508">
        <v>3</v>
      </c>
      <c r="H31" s="508"/>
      <c r="I31" s="508"/>
      <c r="J31" s="508">
        <v>3</v>
      </c>
      <c r="K31" s="540">
        <v>0</v>
      </c>
      <c r="L31" s="480">
        <v>0.11</v>
      </c>
      <c r="M31" s="541">
        <v>0.18</v>
      </c>
    </row>
    <row r="32" spans="2:13" ht="18.75" customHeight="1" x14ac:dyDescent="0.15">
      <c r="B32" s="486"/>
      <c r="C32" s="478" t="s">
        <v>317</v>
      </c>
      <c r="D32" s="478" t="s">
        <v>318</v>
      </c>
      <c r="E32" s="236">
        <v>35</v>
      </c>
      <c r="F32" s="507">
        <v>28</v>
      </c>
      <c r="G32" s="508">
        <v>14</v>
      </c>
      <c r="H32" s="508"/>
      <c r="I32" s="508"/>
      <c r="J32" s="508">
        <v>15</v>
      </c>
      <c r="K32" s="540">
        <v>1</v>
      </c>
      <c r="L32" s="480">
        <v>0.54</v>
      </c>
      <c r="M32" s="541">
        <v>0.32</v>
      </c>
    </row>
    <row r="33" spans="2:13" ht="7.5" customHeight="1" x14ac:dyDescent="0.15">
      <c r="B33" s="486"/>
      <c r="C33" s="513"/>
      <c r="D33" s="513"/>
      <c r="E33" s="236"/>
      <c r="F33" s="507"/>
      <c r="G33" s="479"/>
      <c r="H33" s="479"/>
      <c r="I33" s="479"/>
      <c r="J33" s="508"/>
      <c r="K33" s="481"/>
      <c r="L33" s="480"/>
      <c r="M33" s="542"/>
    </row>
    <row r="34" spans="2:13" ht="7.5" customHeight="1" x14ac:dyDescent="0.15">
      <c r="B34" s="515"/>
      <c r="C34" s="516"/>
      <c r="D34" s="516"/>
      <c r="E34" s="242"/>
      <c r="F34" s="517"/>
      <c r="G34" s="518"/>
      <c r="H34" s="518"/>
      <c r="I34" s="518"/>
      <c r="J34" s="519"/>
      <c r="K34" s="543"/>
      <c r="L34" s="521"/>
      <c r="M34" s="544"/>
    </row>
    <row r="35" spans="2:13" s="531" customFormat="1" x14ac:dyDescent="0.15">
      <c r="B35" s="523"/>
      <c r="C35" s="524" t="s">
        <v>138</v>
      </c>
      <c r="D35" s="525"/>
      <c r="E35" s="247">
        <v>70</v>
      </c>
      <c r="F35" s="526">
        <v>56</v>
      </c>
      <c r="G35" s="527">
        <v>17</v>
      </c>
      <c r="H35" s="527"/>
      <c r="I35" s="527"/>
      <c r="J35" s="527">
        <v>18</v>
      </c>
      <c r="K35" s="545">
        <v>1</v>
      </c>
      <c r="L35" s="529">
        <v>0.32</v>
      </c>
      <c r="M35" s="546">
        <v>0.17</v>
      </c>
    </row>
    <row r="36" spans="2:13" ht="7.5" customHeight="1" x14ac:dyDescent="0.15">
      <c r="B36" s="498"/>
      <c r="C36" s="532"/>
      <c r="D36" s="532"/>
      <c r="E36" s="533"/>
      <c r="F36" s="534"/>
      <c r="G36" s="534"/>
      <c r="H36" s="534"/>
      <c r="I36" s="534"/>
      <c r="J36" s="535"/>
      <c r="K36" s="534"/>
      <c r="L36" s="536"/>
      <c r="M36" s="537"/>
    </row>
    <row r="37" spans="2:13" ht="13.5" customHeight="1" x14ac:dyDescent="0.15">
      <c r="B37" s="547" t="s">
        <v>319</v>
      </c>
      <c r="C37" s="547"/>
      <c r="D37" s="547"/>
      <c r="E37" s="547"/>
      <c r="F37" s="547"/>
      <c r="G37" s="547"/>
      <c r="H37" s="547"/>
      <c r="I37" s="547"/>
      <c r="J37" s="547"/>
      <c r="K37" s="547"/>
      <c r="L37" s="547"/>
      <c r="M37" s="547"/>
    </row>
    <row r="38" spans="2:13" ht="7.5" customHeight="1" x14ac:dyDescent="0.15">
      <c r="B38" s="548"/>
      <c r="C38" s="513"/>
      <c r="E38" s="479"/>
      <c r="F38" s="479"/>
      <c r="G38" s="479"/>
      <c r="H38" s="479"/>
      <c r="I38" s="479"/>
      <c r="K38" s="479"/>
      <c r="L38" s="480"/>
      <c r="M38" s="481"/>
    </row>
    <row r="39" spans="2:13" x14ac:dyDescent="0.15">
      <c r="B39" s="478" t="s">
        <v>320</v>
      </c>
      <c r="E39" s="479"/>
      <c r="F39" s="479"/>
      <c r="G39" s="479"/>
      <c r="H39" s="479"/>
      <c r="I39" s="479"/>
      <c r="K39" s="479"/>
      <c r="L39" s="480"/>
      <c r="M39" s="481"/>
    </row>
    <row r="40" spans="2:13" ht="7.5" customHeight="1" x14ac:dyDescent="0.15">
      <c r="B40" s="482"/>
      <c r="C40" s="483"/>
      <c r="D40" s="483"/>
      <c r="E40" s="358"/>
      <c r="F40" s="483"/>
      <c r="G40" s="483"/>
      <c r="H40" s="483"/>
      <c r="I40" s="483"/>
      <c r="J40" s="484"/>
      <c r="K40" s="483"/>
      <c r="L40" s="484"/>
      <c r="M40" s="485"/>
    </row>
    <row r="41" spans="2:13" ht="15.75" customHeight="1" x14ac:dyDescent="0.15">
      <c r="B41" s="486"/>
      <c r="E41" s="360" t="s">
        <v>300</v>
      </c>
      <c r="F41" s="487" t="s">
        <v>301</v>
      </c>
      <c r="G41" s="361" t="s">
        <v>115</v>
      </c>
      <c r="H41" s="362" t="s">
        <v>5</v>
      </c>
      <c r="I41" s="363"/>
      <c r="J41" s="363"/>
      <c r="K41" s="364"/>
      <c r="L41" s="361" t="s">
        <v>5</v>
      </c>
      <c r="M41" s="490" t="s">
        <v>6</v>
      </c>
    </row>
    <row r="42" spans="2:13" ht="14.25" customHeight="1" x14ac:dyDescent="0.15">
      <c r="B42" s="486"/>
      <c r="C42" s="478" t="s">
        <v>7</v>
      </c>
      <c r="D42" s="478" t="s">
        <v>249</v>
      </c>
      <c r="E42" s="365" t="s">
        <v>303</v>
      </c>
      <c r="F42" s="491" t="s">
        <v>304</v>
      </c>
      <c r="G42" s="491" t="s">
        <v>9</v>
      </c>
      <c r="H42" s="367" t="s">
        <v>9</v>
      </c>
      <c r="I42" s="367"/>
      <c r="J42" s="367"/>
      <c r="K42" s="491" t="s">
        <v>305</v>
      </c>
      <c r="L42" s="494" t="s">
        <v>11</v>
      </c>
      <c r="M42" s="490"/>
    </row>
    <row r="43" spans="2:13" ht="14.25" customHeight="1" x14ac:dyDescent="0.15">
      <c r="B43" s="486"/>
      <c r="C43" s="495"/>
      <c r="D43" s="496"/>
      <c r="E43" s="365"/>
      <c r="F43" s="491" t="s">
        <v>13</v>
      </c>
      <c r="G43" s="491" t="s">
        <v>14</v>
      </c>
      <c r="H43" s="538" t="s">
        <v>306</v>
      </c>
      <c r="I43" s="372"/>
      <c r="J43" s="373"/>
      <c r="K43" s="491"/>
      <c r="L43" s="494" t="s">
        <v>16</v>
      </c>
      <c r="M43" s="490"/>
    </row>
    <row r="44" spans="2:13" ht="6.75" customHeight="1" x14ac:dyDescent="0.15">
      <c r="B44" s="498"/>
      <c r="C44" s="499"/>
      <c r="D44" s="500"/>
      <c r="E44" s="375"/>
      <c r="F44" s="501"/>
      <c r="G44" s="501"/>
      <c r="H44" s="377"/>
      <c r="I44" s="539"/>
      <c r="J44" s="380"/>
      <c r="K44" s="501"/>
      <c r="L44" s="504"/>
      <c r="M44" s="505"/>
    </row>
    <row r="45" spans="2:13" ht="7.5" customHeight="1" x14ac:dyDescent="0.15">
      <c r="B45" s="482"/>
      <c r="C45" s="495"/>
      <c r="D45" s="495"/>
      <c r="E45" s="382"/>
      <c r="J45" s="495"/>
      <c r="L45" s="495"/>
      <c r="M45" s="506"/>
    </row>
    <row r="46" spans="2:13" x14ac:dyDescent="0.15">
      <c r="B46" s="486"/>
      <c r="C46" s="478" t="s">
        <v>321</v>
      </c>
      <c r="D46" s="478" t="s">
        <v>322</v>
      </c>
      <c r="E46" s="236">
        <v>35</v>
      </c>
      <c r="F46" s="507">
        <v>28</v>
      </c>
      <c r="G46" s="508">
        <v>5</v>
      </c>
      <c r="H46" s="508"/>
      <c r="I46" s="508"/>
      <c r="J46" s="508">
        <v>5</v>
      </c>
      <c r="K46" s="540">
        <v>0</v>
      </c>
      <c r="L46" s="480">
        <v>0.18</v>
      </c>
      <c r="M46" s="541">
        <v>0.14000000000000001</v>
      </c>
    </row>
    <row r="47" spans="2:13" ht="7.5" customHeight="1" x14ac:dyDescent="0.15">
      <c r="B47" s="498"/>
      <c r="C47" s="532"/>
      <c r="D47" s="532"/>
      <c r="E47" s="533"/>
      <c r="F47" s="534"/>
      <c r="G47" s="534"/>
      <c r="H47" s="534"/>
      <c r="I47" s="534"/>
      <c r="J47" s="535"/>
      <c r="K47" s="534"/>
      <c r="L47" s="536"/>
      <c r="M47" s="537"/>
    </row>
    <row r="48" spans="2:13" x14ac:dyDescent="0.15">
      <c r="E48" s="479"/>
      <c r="F48" s="479"/>
      <c r="G48" s="479"/>
      <c r="H48" s="479"/>
      <c r="I48" s="479"/>
      <c r="K48" s="479"/>
      <c r="L48" s="480"/>
      <c r="M48" s="481"/>
    </row>
    <row r="49" spans="2:13" x14ac:dyDescent="0.15">
      <c r="B49" s="478" t="s">
        <v>220</v>
      </c>
      <c r="E49" s="479"/>
      <c r="F49" s="479"/>
      <c r="G49" s="479"/>
      <c r="H49" s="479"/>
      <c r="I49" s="479"/>
      <c r="K49" s="479"/>
      <c r="L49" s="480"/>
      <c r="M49" s="481"/>
    </row>
    <row r="50" spans="2:13" ht="7.5" customHeight="1" x14ac:dyDescent="0.15">
      <c r="B50" s="482"/>
      <c r="C50" s="483"/>
      <c r="D50" s="483"/>
      <c r="E50" s="358"/>
      <c r="F50" s="483"/>
      <c r="G50" s="483"/>
      <c r="H50" s="483"/>
      <c r="I50" s="483"/>
      <c r="J50" s="484"/>
      <c r="K50" s="483"/>
      <c r="L50" s="484"/>
      <c r="M50" s="485"/>
    </row>
    <row r="51" spans="2:13" ht="15.75" customHeight="1" x14ac:dyDescent="0.15">
      <c r="B51" s="486"/>
      <c r="E51" s="360" t="s">
        <v>300</v>
      </c>
      <c r="F51" s="487" t="s">
        <v>301</v>
      </c>
      <c r="G51" s="361" t="s">
        <v>115</v>
      </c>
      <c r="H51" s="362" t="s">
        <v>5</v>
      </c>
      <c r="I51" s="363"/>
      <c r="J51" s="363"/>
      <c r="K51" s="364"/>
      <c r="L51" s="361" t="s">
        <v>5</v>
      </c>
      <c r="M51" s="490" t="s">
        <v>6</v>
      </c>
    </row>
    <row r="52" spans="2:13" ht="14.25" customHeight="1" x14ac:dyDescent="0.15">
      <c r="B52" s="486"/>
      <c r="C52" s="478" t="s">
        <v>7</v>
      </c>
      <c r="D52" s="478" t="s">
        <v>302</v>
      </c>
      <c r="E52" s="365" t="s">
        <v>303</v>
      </c>
      <c r="F52" s="491" t="s">
        <v>304</v>
      </c>
      <c r="G52" s="491" t="s">
        <v>9</v>
      </c>
      <c r="H52" s="367" t="s">
        <v>9</v>
      </c>
      <c r="I52" s="367"/>
      <c r="J52" s="367"/>
      <c r="K52" s="491" t="s">
        <v>305</v>
      </c>
      <c r="L52" s="494" t="s">
        <v>11</v>
      </c>
      <c r="M52" s="490"/>
    </row>
    <row r="53" spans="2:13" ht="14.25" customHeight="1" x14ac:dyDescent="0.15">
      <c r="B53" s="486"/>
      <c r="C53" s="495"/>
      <c r="D53" s="496"/>
      <c r="E53" s="365"/>
      <c r="F53" s="491" t="s">
        <v>13</v>
      </c>
      <c r="G53" s="491" t="s">
        <v>14</v>
      </c>
      <c r="H53" s="538" t="s">
        <v>306</v>
      </c>
      <c r="I53" s="372"/>
      <c r="J53" s="373"/>
      <c r="K53" s="491"/>
      <c r="L53" s="494" t="s">
        <v>16</v>
      </c>
      <c r="M53" s="490"/>
    </row>
    <row r="54" spans="2:13" ht="5.25" customHeight="1" x14ac:dyDescent="0.15">
      <c r="B54" s="498"/>
      <c r="C54" s="499"/>
      <c r="D54" s="500"/>
      <c r="E54" s="375"/>
      <c r="F54" s="501"/>
      <c r="G54" s="501"/>
      <c r="H54" s="377"/>
      <c r="I54" s="539"/>
      <c r="J54" s="380"/>
      <c r="K54" s="501"/>
      <c r="L54" s="504"/>
      <c r="M54" s="505"/>
    </row>
    <row r="55" spans="2:13" ht="7.5" customHeight="1" x14ac:dyDescent="0.15">
      <c r="B55" s="482"/>
      <c r="C55" s="495"/>
      <c r="D55" s="495"/>
      <c r="E55" s="382"/>
      <c r="J55" s="495"/>
      <c r="L55" s="495"/>
      <c r="M55" s="506"/>
    </row>
    <row r="56" spans="2:13" ht="12.75" customHeight="1" x14ac:dyDescent="0.15">
      <c r="B56" s="486"/>
      <c r="C56" s="549" t="s">
        <v>323</v>
      </c>
      <c r="D56" s="549" t="s">
        <v>233</v>
      </c>
      <c r="E56" s="236">
        <v>70</v>
      </c>
      <c r="F56" s="507">
        <v>56</v>
      </c>
      <c r="G56" s="508">
        <v>14</v>
      </c>
      <c r="H56" s="508"/>
      <c r="I56" s="508"/>
      <c r="J56" s="508">
        <v>14</v>
      </c>
      <c r="K56" s="540">
        <v>0</v>
      </c>
      <c r="L56" s="480">
        <v>0.25</v>
      </c>
      <c r="M56" s="550" t="s">
        <v>224</v>
      </c>
    </row>
    <row r="57" spans="2:13" ht="24" customHeight="1" x14ac:dyDescent="0.15">
      <c r="B57" s="486"/>
      <c r="C57" s="227" t="s">
        <v>324</v>
      </c>
      <c r="D57" s="227" t="s">
        <v>325</v>
      </c>
      <c r="E57" s="236">
        <v>125</v>
      </c>
      <c r="F57" s="507">
        <v>125</v>
      </c>
      <c r="G57" s="508">
        <v>127</v>
      </c>
      <c r="H57" s="508"/>
      <c r="I57" s="508"/>
      <c r="J57" s="508">
        <v>124</v>
      </c>
      <c r="K57" s="540">
        <v>-3</v>
      </c>
      <c r="L57" s="480">
        <v>0.99</v>
      </c>
      <c r="M57" s="541">
        <v>0.82</v>
      </c>
    </row>
    <row r="58" spans="2:13" x14ac:dyDescent="0.15">
      <c r="B58" s="486"/>
      <c r="C58" s="227" t="s">
        <v>146</v>
      </c>
      <c r="D58" s="227" t="s">
        <v>326</v>
      </c>
      <c r="E58" s="236">
        <v>125</v>
      </c>
      <c r="F58" s="507">
        <v>125</v>
      </c>
      <c r="G58" s="508">
        <v>52</v>
      </c>
      <c r="H58" s="508"/>
      <c r="I58" s="508"/>
      <c r="J58" s="508">
        <v>54</v>
      </c>
      <c r="K58" s="540">
        <v>2</v>
      </c>
      <c r="L58" s="480">
        <v>0.43</v>
      </c>
      <c r="M58" s="541">
        <v>0.44</v>
      </c>
    </row>
    <row r="59" spans="2:13" x14ac:dyDescent="0.15">
      <c r="B59" s="486"/>
      <c r="C59" s="227"/>
      <c r="D59" s="551" t="s">
        <v>269</v>
      </c>
      <c r="E59" s="247">
        <v>250</v>
      </c>
      <c r="F59" s="526">
        <v>250</v>
      </c>
      <c r="G59" s="552">
        <v>179</v>
      </c>
      <c r="H59" s="552"/>
      <c r="I59" s="552"/>
      <c r="J59" s="552">
        <v>178</v>
      </c>
      <c r="K59" s="528">
        <v>-1</v>
      </c>
      <c r="L59" s="529">
        <v>0.71</v>
      </c>
      <c r="M59" s="546">
        <v>0.63</v>
      </c>
    </row>
    <row r="60" spans="2:13" ht="21.75" customHeight="1" x14ac:dyDescent="0.15">
      <c r="B60" s="486"/>
      <c r="C60" s="478" t="s">
        <v>234</v>
      </c>
      <c r="D60" s="478" t="s">
        <v>299</v>
      </c>
      <c r="E60" s="236">
        <v>70</v>
      </c>
      <c r="F60" s="507">
        <v>70</v>
      </c>
      <c r="G60" s="508">
        <v>51</v>
      </c>
      <c r="H60" s="508"/>
      <c r="I60" s="508"/>
      <c r="J60" s="508">
        <v>55</v>
      </c>
      <c r="K60" s="540">
        <v>4</v>
      </c>
      <c r="L60" s="480">
        <v>0.79</v>
      </c>
      <c r="M60" s="541">
        <v>1.2</v>
      </c>
    </row>
    <row r="61" spans="2:13" x14ac:dyDescent="0.15">
      <c r="B61" s="486"/>
      <c r="C61" s="478" t="s">
        <v>327</v>
      </c>
      <c r="D61" s="478" t="s">
        <v>299</v>
      </c>
      <c r="E61" s="236">
        <v>70</v>
      </c>
      <c r="F61" s="507">
        <v>56</v>
      </c>
      <c r="G61" s="508">
        <v>28</v>
      </c>
      <c r="H61" s="508"/>
      <c r="I61" s="508"/>
      <c r="J61" s="508">
        <v>28</v>
      </c>
      <c r="K61" s="540">
        <v>0</v>
      </c>
      <c r="L61" s="480">
        <v>0.5</v>
      </c>
      <c r="M61" s="541">
        <v>0.45</v>
      </c>
    </row>
    <row r="62" spans="2:13" x14ac:dyDescent="0.15">
      <c r="B62" s="486"/>
      <c r="C62" s="478" t="s">
        <v>328</v>
      </c>
      <c r="D62" s="478" t="s">
        <v>233</v>
      </c>
      <c r="E62" s="236">
        <v>70</v>
      </c>
      <c r="F62" s="507">
        <v>56</v>
      </c>
      <c r="G62" s="508">
        <v>34</v>
      </c>
      <c r="H62" s="508"/>
      <c r="I62" s="508"/>
      <c r="J62" s="508">
        <v>34</v>
      </c>
      <c r="K62" s="540">
        <v>0</v>
      </c>
      <c r="L62" s="480">
        <v>0.61</v>
      </c>
      <c r="M62" s="541">
        <v>0.64</v>
      </c>
    </row>
    <row r="63" spans="2:13" x14ac:dyDescent="0.15">
      <c r="B63" s="486"/>
      <c r="C63" s="478" t="s">
        <v>329</v>
      </c>
      <c r="D63" s="478" t="s">
        <v>299</v>
      </c>
      <c r="E63" s="236">
        <v>70</v>
      </c>
      <c r="F63" s="507">
        <v>56</v>
      </c>
      <c r="G63" s="508">
        <v>22</v>
      </c>
      <c r="H63" s="508"/>
      <c r="I63" s="508"/>
      <c r="J63" s="508">
        <v>22</v>
      </c>
      <c r="K63" s="540">
        <v>0</v>
      </c>
      <c r="L63" s="480">
        <v>0.39</v>
      </c>
      <c r="M63" s="541">
        <v>0.36</v>
      </c>
    </row>
    <row r="64" spans="2:13" x14ac:dyDescent="0.15">
      <c r="B64" s="486"/>
      <c r="C64" s="478" t="s">
        <v>330</v>
      </c>
      <c r="D64" s="478" t="s">
        <v>299</v>
      </c>
      <c r="E64" s="236">
        <v>105</v>
      </c>
      <c r="F64" s="507">
        <v>105</v>
      </c>
      <c r="G64" s="508">
        <v>55</v>
      </c>
      <c r="H64" s="508"/>
      <c r="I64" s="508"/>
      <c r="J64" s="508">
        <v>53</v>
      </c>
      <c r="K64" s="540">
        <v>-2</v>
      </c>
      <c r="L64" s="480">
        <v>0.5</v>
      </c>
      <c r="M64" s="541">
        <v>0.55000000000000004</v>
      </c>
    </row>
    <row r="65" spans="2:13" ht="20.25" customHeight="1" x14ac:dyDescent="0.15">
      <c r="B65" s="486"/>
      <c r="C65" s="478" t="s">
        <v>331</v>
      </c>
      <c r="D65" s="478" t="s">
        <v>325</v>
      </c>
      <c r="E65" s="236">
        <v>125</v>
      </c>
      <c r="F65" s="507">
        <v>125</v>
      </c>
      <c r="G65" s="508">
        <v>84</v>
      </c>
      <c r="H65" s="508"/>
      <c r="I65" s="508"/>
      <c r="J65" s="508">
        <v>88</v>
      </c>
      <c r="K65" s="540">
        <v>4</v>
      </c>
      <c r="L65" s="480">
        <v>0.7</v>
      </c>
      <c r="M65" s="541">
        <v>0.88</v>
      </c>
    </row>
    <row r="66" spans="2:13" x14ac:dyDescent="0.15">
      <c r="B66" s="486"/>
      <c r="C66" s="478" t="s">
        <v>146</v>
      </c>
      <c r="D66" s="478" t="s">
        <v>326</v>
      </c>
      <c r="E66" s="236">
        <v>125</v>
      </c>
      <c r="F66" s="507">
        <v>125</v>
      </c>
      <c r="G66" s="508">
        <v>60</v>
      </c>
      <c r="H66" s="508"/>
      <c r="I66" s="508"/>
      <c r="J66" s="508">
        <v>57</v>
      </c>
      <c r="K66" s="540">
        <v>-3</v>
      </c>
      <c r="L66" s="480">
        <v>0.46</v>
      </c>
      <c r="M66" s="541">
        <v>0.76</v>
      </c>
    </row>
    <row r="67" spans="2:13" x14ac:dyDescent="0.15">
      <c r="B67" s="486"/>
      <c r="C67" s="227"/>
      <c r="D67" s="551" t="s">
        <v>269</v>
      </c>
      <c r="E67" s="247">
        <v>250</v>
      </c>
      <c r="F67" s="526">
        <v>250</v>
      </c>
      <c r="G67" s="552">
        <v>144</v>
      </c>
      <c r="H67" s="552"/>
      <c r="I67" s="552"/>
      <c r="J67" s="553">
        <v>145</v>
      </c>
      <c r="K67" s="528">
        <v>1</v>
      </c>
      <c r="L67" s="529">
        <v>0.57999999999999996</v>
      </c>
      <c r="M67" s="546">
        <v>0.82</v>
      </c>
    </row>
    <row r="68" spans="2:13" ht="24" customHeight="1" x14ac:dyDescent="0.15">
      <c r="B68" s="486"/>
      <c r="C68" s="227" t="s">
        <v>332</v>
      </c>
      <c r="D68" s="227" t="s">
        <v>233</v>
      </c>
      <c r="E68" s="236">
        <v>105</v>
      </c>
      <c r="F68" s="507">
        <v>84</v>
      </c>
      <c r="G68" s="508">
        <v>28</v>
      </c>
      <c r="H68" s="508"/>
      <c r="I68" s="508"/>
      <c r="J68" s="508">
        <v>29</v>
      </c>
      <c r="K68" s="540">
        <v>1</v>
      </c>
      <c r="L68" s="480">
        <v>0.35</v>
      </c>
      <c r="M68" s="550" t="s">
        <v>224</v>
      </c>
    </row>
    <row r="69" spans="2:13" ht="7.5" customHeight="1" x14ac:dyDescent="0.15">
      <c r="B69" s="486"/>
      <c r="C69" s="513"/>
      <c r="D69" s="513"/>
      <c r="E69" s="236"/>
      <c r="F69" s="507"/>
      <c r="G69" s="479"/>
      <c r="H69" s="479"/>
      <c r="I69" s="479"/>
      <c r="J69" s="508"/>
      <c r="K69" s="481"/>
      <c r="L69" s="480"/>
      <c r="M69" s="541"/>
    </row>
    <row r="70" spans="2:13" ht="7.5" customHeight="1" x14ac:dyDescent="0.15">
      <c r="B70" s="515"/>
      <c r="C70" s="516"/>
      <c r="D70" s="516"/>
      <c r="E70" s="242"/>
      <c r="F70" s="517"/>
      <c r="G70" s="518"/>
      <c r="H70" s="518"/>
      <c r="I70" s="518"/>
      <c r="J70" s="519"/>
      <c r="K70" s="543"/>
      <c r="L70" s="521"/>
      <c r="M70" s="554"/>
    </row>
    <row r="71" spans="2:13" s="531" customFormat="1" x14ac:dyDescent="0.15">
      <c r="B71" s="523"/>
      <c r="C71" s="524" t="s">
        <v>138</v>
      </c>
      <c r="D71" s="525"/>
      <c r="E71" s="247">
        <v>1060</v>
      </c>
      <c r="F71" s="526">
        <v>983</v>
      </c>
      <c r="G71" s="527">
        <v>555</v>
      </c>
      <c r="H71" s="527"/>
      <c r="I71" s="527"/>
      <c r="J71" s="527">
        <v>558</v>
      </c>
      <c r="K71" s="555">
        <v>3</v>
      </c>
      <c r="L71" s="529">
        <v>0.56999999999999995</v>
      </c>
      <c r="M71" s="546">
        <v>0.7</v>
      </c>
    </row>
    <row r="72" spans="2:13" ht="7.5" customHeight="1" x14ac:dyDescent="0.15">
      <c r="B72" s="498"/>
      <c r="C72" s="532"/>
      <c r="D72" s="532"/>
      <c r="E72" s="533"/>
      <c r="F72" s="534"/>
      <c r="G72" s="534"/>
      <c r="H72" s="534"/>
      <c r="I72" s="534"/>
      <c r="J72" s="535"/>
      <c r="K72" s="534"/>
      <c r="L72" s="536"/>
      <c r="M72" s="537"/>
    </row>
    <row r="73" spans="2:13" x14ac:dyDescent="0.15">
      <c r="B73" s="556"/>
      <c r="C73" s="556"/>
      <c r="D73" s="556"/>
      <c r="E73" s="556"/>
      <c r="F73" s="556"/>
      <c r="G73" s="556"/>
      <c r="H73" s="556"/>
      <c r="I73" s="556"/>
      <c r="J73" s="556"/>
      <c r="K73" s="556"/>
      <c r="L73" s="556"/>
      <c r="M73" s="556"/>
    </row>
    <row r="74" spans="2:13" x14ac:dyDescent="0.15">
      <c r="B74" s="478" t="s">
        <v>333</v>
      </c>
      <c r="E74" s="479"/>
      <c r="F74" s="479"/>
      <c r="G74" s="479"/>
      <c r="H74" s="479"/>
      <c r="I74" s="479"/>
      <c r="K74" s="479"/>
      <c r="L74" s="480"/>
      <c r="M74" s="481"/>
    </row>
    <row r="75" spans="2:13" ht="7.5" customHeight="1" x14ac:dyDescent="0.15">
      <c r="B75" s="482"/>
      <c r="C75" s="483"/>
      <c r="D75" s="483"/>
      <c r="E75" s="358"/>
      <c r="F75" s="483"/>
      <c r="G75" s="483"/>
      <c r="H75" s="483"/>
      <c r="I75" s="483"/>
      <c r="J75" s="484"/>
      <c r="K75" s="483"/>
      <c r="L75" s="484"/>
      <c r="M75" s="485"/>
    </row>
    <row r="76" spans="2:13" ht="15.75" customHeight="1" x14ac:dyDescent="0.15">
      <c r="B76" s="486"/>
      <c r="E76" s="360" t="s">
        <v>300</v>
      </c>
      <c r="F76" s="487" t="s">
        <v>301</v>
      </c>
      <c r="G76" s="361" t="s">
        <v>115</v>
      </c>
      <c r="H76" s="488" t="s">
        <v>116</v>
      </c>
      <c r="I76" s="489"/>
      <c r="J76" s="489"/>
      <c r="K76" s="364"/>
      <c r="L76" s="361" t="s">
        <v>5</v>
      </c>
      <c r="M76" s="490" t="s">
        <v>6</v>
      </c>
    </row>
    <row r="77" spans="2:13" ht="14.25" customHeight="1" x14ac:dyDescent="0.15">
      <c r="B77" s="486"/>
      <c r="C77" s="478" t="s">
        <v>7</v>
      </c>
      <c r="D77" s="478" t="s">
        <v>302</v>
      </c>
      <c r="E77" s="365" t="s">
        <v>303</v>
      </c>
      <c r="F77" s="491" t="s">
        <v>304</v>
      </c>
      <c r="G77" s="491" t="s">
        <v>9</v>
      </c>
      <c r="H77" s="492" t="s">
        <v>117</v>
      </c>
      <c r="I77" s="492" t="s">
        <v>117</v>
      </c>
      <c r="J77" s="493" t="s">
        <v>118</v>
      </c>
      <c r="K77" s="491" t="s">
        <v>305</v>
      </c>
      <c r="L77" s="494" t="s">
        <v>11</v>
      </c>
      <c r="M77" s="490"/>
    </row>
    <row r="78" spans="2:13" ht="14.25" customHeight="1" x14ac:dyDescent="0.15">
      <c r="B78" s="486"/>
      <c r="C78" s="495"/>
      <c r="D78" s="495"/>
      <c r="E78" s="365"/>
      <c r="F78" s="491" t="s">
        <v>13</v>
      </c>
      <c r="G78" s="491" t="s">
        <v>14</v>
      </c>
      <c r="H78" s="497" t="s">
        <v>120</v>
      </c>
      <c r="I78" s="497" t="s">
        <v>121</v>
      </c>
      <c r="J78" s="491" t="s">
        <v>306</v>
      </c>
      <c r="K78" s="491"/>
      <c r="L78" s="494" t="s">
        <v>16</v>
      </c>
      <c r="M78" s="490"/>
    </row>
    <row r="79" spans="2:13" ht="6" customHeight="1" x14ac:dyDescent="0.15">
      <c r="B79" s="498"/>
      <c r="C79" s="499"/>
      <c r="D79" s="499"/>
      <c r="E79" s="375"/>
      <c r="F79" s="501"/>
      <c r="G79" s="501"/>
      <c r="H79" s="502"/>
      <c r="I79" s="502"/>
      <c r="J79" s="503"/>
      <c r="K79" s="501"/>
      <c r="L79" s="504"/>
      <c r="M79" s="505"/>
    </row>
    <row r="80" spans="2:13" ht="7.5" customHeight="1" x14ac:dyDescent="0.15">
      <c r="B80" s="482"/>
      <c r="C80" s="495"/>
      <c r="D80" s="495"/>
      <c r="E80" s="382"/>
      <c r="J80" s="495"/>
      <c r="L80" s="495"/>
      <c r="M80" s="506"/>
    </row>
    <row r="81" spans="2:13" ht="13.5" customHeight="1" x14ac:dyDescent="0.15">
      <c r="B81" s="486"/>
      <c r="C81" s="478" t="s">
        <v>334</v>
      </c>
      <c r="D81" s="478" t="s">
        <v>335</v>
      </c>
      <c r="E81" s="236">
        <v>144</v>
      </c>
      <c r="F81" s="557">
        <v>144</v>
      </c>
      <c r="G81" s="508">
        <v>146</v>
      </c>
      <c r="H81" s="508">
        <v>141</v>
      </c>
      <c r="I81" s="508">
        <v>12</v>
      </c>
      <c r="J81" s="508">
        <v>153</v>
      </c>
      <c r="K81" s="540">
        <v>7</v>
      </c>
      <c r="L81" s="480">
        <v>1.06</v>
      </c>
      <c r="M81" s="541">
        <v>1.03</v>
      </c>
    </row>
    <row r="82" spans="2:13" x14ac:dyDescent="0.15">
      <c r="B82" s="486"/>
      <c r="C82" s="478" t="s">
        <v>144</v>
      </c>
      <c r="D82" s="478" t="s">
        <v>336</v>
      </c>
      <c r="E82" s="236">
        <v>98</v>
      </c>
      <c r="F82" s="557">
        <v>98</v>
      </c>
      <c r="G82" s="508">
        <v>103</v>
      </c>
      <c r="H82" s="508">
        <v>92</v>
      </c>
      <c r="I82" s="508">
        <v>5</v>
      </c>
      <c r="J82" s="508">
        <v>97</v>
      </c>
      <c r="K82" s="540">
        <v>-6</v>
      </c>
      <c r="L82" s="480">
        <v>0.99</v>
      </c>
      <c r="M82" s="541">
        <v>1.31</v>
      </c>
    </row>
    <row r="83" spans="2:13" x14ac:dyDescent="0.15">
      <c r="B83" s="486"/>
      <c r="C83" s="478" t="s">
        <v>144</v>
      </c>
      <c r="D83" s="478" t="s">
        <v>337</v>
      </c>
      <c r="E83" s="236">
        <v>108</v>
      </c>
      <c r="F83" s="557">
        <v>108</v>
      </c>
      <c r="G83" s="508">
        <v>38</v>
      </c>
      <c r="H83" s="508">
        <v>37</v>
      </c>
      <c r="I83" s="508">
        <v>1</v>
      </c>
      <c r="J83" s="508">
        <v>38</v>
      </c>
      <c r="K83" s="540">
        <v>0</v>
      </c>
      <c r="L83" s="480">
        <v>0.35</v>
      </c>
      <c r="M83" s="541">
        <v>0.4</v>
      </c>
    </row>
    <row r="84" spans="2:13" ht="16.5" customHeight="1" x14ac:dyDescent="0.15">
      <c r="B84" s="486"/>
      <c r="D84" s="551" t="s">
        <v>269</v>
      </c>
      <c r="E84" s="247">
        <v>350</v>
      </c>
      <c r="F84" s="558">
        <v>350</v>
      </c>
      <c r="G84" s="526">
        <v>287</v>
      </c>
      <c r="H84" s="526">
        <v>270</v>
      </c>
      <c r="I84" s="526">
        <v>18</v>
      </c>
      <c r="J84" s="526">
        <v>288</v>
      </c>
      <c r="K84" s="545">
        <v>1</v>
      </c>
      <c r="L84" s="529">
        <v>0.82</v>
      </c>
      <c r="M84" s="546">
        <v>0.91</v>
      </c>
    </row>
    <row r="85" spans="2:13" ht="22.5" customHeight="1" x14ac:dyDescent="0.15">
      <c r="B85" s="486"/>
      <c r="C85" s="478" t="s">
        <v>338</v>
      </c>
      <c r="D85" s="478" t="s">
        <v>256</v>
      </c>
      <c r="E85" s="236">
        <v>70</v>
      </c>
      <c r="F85" s="507">
        <v>56</v>
      </c>
      <c r="G85" s="508">
        <v>41</v>
      </c>
      <c r="H85" s="509" t="s">
        <v>224</v>
      </c>
      <c r="I85" s="509" t="s">
        <v>224</v>
      </c>
      <c r="J85" s="508">
        <v>40</v>
      </c>
      <c r="K85" s="510">
        <v>-1</v>
      </c>
      <c r="L85" s="511">
        <v>0.71</v>
      </c>
      <c r="M85" s="541">
        <v>0.75</v>
      </c>
    </row>
    <row r="86" spans="2:13" ht="7.5" customHeight="1" x14ac:dyDescent="0.15">
      <c r="B86" s="486"/>
      <c r="C86" s="513"/>
      <c r="D86" s="559"/>
      <c r="E86" s="236"/>
      <c r="F86" s="507"/>
      <c r="G86" s="479"/>
      <c r="H86" s="479"/>
      <c r="I86" s="479"/>
      <c r="J86" s="508"/>
      <c r="K86" s="481"/>
      <c r="L86" s="480"/>
      <c r="M86" s="560"/>
    </row>
    <row r="87" spans="2:13" ht="7.5" customHeight="1" x14ac:dyDescent="0.15">
      <c r="B87" s="515"/>
      <c r="C87" s="516"/>
      <c r="D87" s="516"/>
      <c r="E87" s="242"/>
      <c r="F87" s="517"/>
      <c r="G87" s="518"/>
      <c r="H87" s="518"/>
      <c r="I87" s="518"/>
      <c r="J87" s="519"/>
      <c r="K87" s="543"/>
      <c r="L87" s="521"/>
      <c r="M87" s="561"/>
    </row>
    <row r="88" spans="2:13" s="531" customFormat="1" x14ac:dyDescent="0.15">
      <c r="B88" s="523"/>
      <c r="C88" s="524" t="s">
        <v>138</v>
      </c>
      <c r="D88" s="525"/>
      <c r="E88" s="247">
        <v>420</v>
      </c>
      <c r="F88" s="526">
        <v>406</v>
      </c>
      <c r="G88" s="527">
        <v>328</v>
      </c>
      <c r="H88" s="509" t="s">
        <v>224</v>
      </c>
      <c r="I88" s="509" t="s">
        <v>226</v>
      </c>
      <c r="J88" s="527">
        <v>328</v>
      </c>
      <c r="K88" s="555">
        <v>0</v>
      </c>
      <c r="L88" s="529">
        <v>0.81</v>
      </c>
      <c r="M88" s="546">
        <v>0.65</v>
      </c>
    </row>
    <row r="89" spans="2:13" ht="7.5" customHeight="1" x14ac:dyDescent="0.15">
      <c r="B89" s="498"/>
      <c r="C89" s="532"/>
      <c r="D89" s="532"/>
      <c r="E89" s="533"/>
      <c r="F89" s="534"/>
      <c r="G89" s="534"/>
      <c r="H89" s="534"/>
      <c r="I89" s="534"/>
      <c r="J89" s="535"/>
      <c r="K89" s="534"/>
      <c r="L89" s="536"/>
      <c r="M89" s="537"/>
    </row>
    <row r="90" spans="2:13" x14ac:dyDescent="0.15">
      <c r="B90" s="562"/>
      <c r="C90" s="562"/>
      <c r="D90" s="562"/>
      <c r="E90" s="562"/>
      <c r="F90" s="562"/>
      <c r="G90" s="562"/>
      <c r="H90" s="562"/>
      <c r="I90" s="562"/>
      <c r="J90" s="562"/>
      <c r="K90" s="562"/>
      <c r="L90" s="562"/>
      <c r="M90" s="562"/>
    </row>
    <row r="91" spans="2:13" x14ac:dyDescent="0.15">
      <c r="B91" s="478" t="s">
        <v>339</v>
      </c>
      <c r="E91" s="479"/>
      <c r="F91" s="479"/>
      <c r="G91" s="479"/>
      <c r="H91" s="479"/>
      <c r="I91" s="479"/>
      <c r="K91" s="479"/>
      <c r="L91" s="480"/>
      <c r="M91" s="481"/>
    </row>
    <row r="92" spans="2:13" ht="7.5" customHeight="1" x14ac:dyDescent="0.15">
      <c r="B92" s="482"/>
      <c r="C92" s="483"/>
      <c r="D92" s="483"/>
      <c r="E92" s="358"/>
      <c r="F92" s="483"/>
      <c r="G92" s="483"/>
      <c r="H92" s="483"/>
      <c r="I92" s="483"/>
      <c r="J92" s="484"/>
      <c r="K92" s="483"/>
      <c r="L92" s="484"/>
      <c r="M92" s="485"/>
    </row>
    <row r="93" spans="2:13" ht="15.75" customHeight="1" x14ac:dyDescent="0.15">
      <c r="B93" s="486"/>
      <c r="E93" s="360" t="s">
        <v>300</v>
      </c>
      <c r="F93" s="487" t="s">
        <v>301</v>
      </c>
      <c r="G93" s="361" t="s">
        <v>115</v>
      </c>
      <c r="H93" s="362" t="s">
        <v>5</v>
      </c>
      <c r="I93" s="363"/>
      <c r="J93" s="363"/>
      <c r="K93" s="364"/>
      <c r="L93" s="361" t="s">
        <v>5</v>
      </c>
      <c r="M93" s="490" t="s">
        <v>6</v>
      </c>
    </row>
    <row r="94" spans="2:13" ht="14.25" customHeight="1" x14ac:dyDescent="0.15">
      <c r="B94" s="486"/>
      <c r="C94" s="478" t="s">
        <v>7</v>
      </c>
      <c r="D94" s="478" t="s">
        <v>249</v>
      </c>
      <c r="E94" s="365" t="s">
        <v>303</v>
      </c>
      <c r="F94" s="491" t="s">
        <v>304</v>
      </c>
      <c r="G94" s="491" t="s">
        <v>9</v>
      </c>
      <c r="H94" s="367" t="s">
        <v>9</v>
      </c>
      <c r="I94" s="367"/>
      <c r="J94" s="367"/>
      <c r="K94" s="491" t="s">
        <v>305</v>
      </c>
      <c r="L94" s="494" t="s">
        <v>11</v>
      </c>
      <c r="M94" s="490"/>
    </row>
    <row r="95" spans="2:13" ht="14.25" customHeight="1" x14ac:dyDescent="0.15">
      <c r="B95" s="486"/>
      <c r="C95" s="495"/>
      <c r="D95" s="496"/>
      <c r="E95" s="365"/>
      <c r="F95" s="491" t="s">
        <v>13</v>
      </c>
      <c r="G95" s="491" t="s">
        <v>14</v>
      </c>
      <c r="H95" s="538" t="s">
        <v>306</v>
      </c>
      <c r="I95" s="372"/>
      <c r="J95" s="373"/>
      <c r="K95" s="491"/>
      <c r="L95" s="494" t="s">
        <v>16</v>
      </c>
      <c r="M95" s="490"/>
    </row>
    <row r="96" spans="2:13" ht="6" customHeight="1" x14ac:dyDescent="0.15">
      <c r="B96" s="498"/>
      <c r="C96" s="499"/>
      <c r="D96" s="500"/>
      <c r="E96" s="375"/>
      <c r="F96" s="501"/>
      <c r="G96" s="501"/>
      <c r="H96" s="377"/>
      <c r="I96" s="539"/>
      <c r="J96" s="380"/>
      <c r="K96" s="501"/>
      <c r="L96" s="504"/>
      <c r="M96" s="505"/>
    </row>
    <row r="97" spans="1:13" ht="7.5" customHeight="1" x14ac:dyDescent="0.15">
      <c r="B97" s="482"/>
      <c r="C97" s="495"/>
      <c r="D97" s="495"/>
      <c r="E97" s="382"/>
      <c r="J97" s="495"/>
      <c r="L97" s="495"/>
      <c r="M97" s="506"/>
    </row>
    <row r="98" spans="1:13" ht="14.25" customHeight="1" x14ac:dyDescent="0.15">
      <c r="B98" s="486"/>
      <c r="C98" s="478" t="s">
        <v>157</v>
      </c>
      <c r="D98" s="478" t="s">
        <v>340</v>
      </c>
      <c r="E98" s="236">
        <v>35</v>
      </c>
      <c r="F98" s="507">
        <v>28</v>
      </c>
      <c r="G98" s="508">
        <v>2</v>
      </c>
      <c r="H98" s="508"/>
      <c r="I98" s="508"/>
      <c r="J98" s="508">
        <v>2</v>
      </c>
      <c r="K98" s="540">
        <v>0</v>
      </c>
      <c r="L98" s="480">
        <v>7.0000000000000007E-2</v>
      </c>
      <c r="M98" s="541">
        <v>0.11</v>
      </c>
    </row>
    <row r="99" spans="1:13" ht="14.25" customHeight="1" x14ac:dyDescent="0.15">
      <c r="B99" s="486"/>
      <c r="C99" s="478" t="s">
        <v>146</v>
      </c>
      <c r="D99" s="478" t="s">
        <v>341</v>
      </c>
      <c r="E99" s="236">
        <v>35</v>
      </c>
      <c r="F99" s="507">
        <v>28</v>
      </c>
      <c r="G99" s="508">
        <v>8</v>
      </c>
      <c r="H99" s="508"/>
      <c r="I99" s="508"/>
      <c r="J99" s="508">
        <v>8</v>
      </c>
      <c r="K99" s="540">
        <v>0</v>
      </c>
      <c r="L99" s="480">
        <v>0.28999999999999998</v>
      </c>
      <c r="M99" s="541">
        <v>0.25</v>
      </c>
    </row>
    <row r="100" spans="1:13" ht="14.25" customHeight="1" x14ac:dyDescent="0.15">
      <c r="B100" s="486"/>
      <c r="C100" s="478" t="s">
        <v>146</v>
      </c>
      <c r="D100" s="478" t="s">
        <v>342</v>
      </c>
      <c r="E100" s="236">
        <v>35</v>
      </c>
      <c r="F100" s="507">
        <v>28</v>
      </c>
      <c r="G100" s="508">
        <v>6</v>
      </c>
      <c r="H100" s="508"/>
      <c r="I100" s="508"/>
      <c r="J100" s="508">
        <v>6</v>
      </c>
      <c r="K100" s="540">
        <v>0</v>
      </c>
      <c r="L100" s="480">
        <v>0.21</v>
      </c>
      <c r="M100" s="541">
        <v>0.04</v>
      </c>
    </row>
    <row r="101" spans="1:13" ht="16.5" customHeight="1" x14ac:dyDescent="0.15">
      <c r="B101" s="486"/>
      <c r="D101" s="551" t="s">
        <v>269</v>
      </c>
      <c r="E101" s="247">
        <v>105</v>
      </c>
      <c r="F101" s="558">
        <v>84</v>
      </c>
      <c r="G101" s="526">
        <v>16</v>
      </c>
      <c r="H101" s="526"/>
      <c r="I101" s="526"/>
      <c r="J101" s="526">
        <v>16</v>
      </c>
      <c r="K101" s="545">
        <v>0</v>
      </c>
      <c r="L101" s="529">
        <v>0.19</v>
      </c>
      <c r="M101" s="546">
        <v>0.13</v>
      </c>
    </row>
    <row r="102" spans="1:13" ht="7.5" customHeight="1" x14ac:dyDescent="0.15">
      <c r="B102" s="498"/>
      <c r="C102" s="532"/>
      <c r="D102" s="532"/>
      <c r="E102" s="563"/>
      <c r="F102" s="564"/>
      <c r="G102" s="534"/>
      <c r="H102" s="534"/>
      <c r="I102" s="534"/>
      <c r="J102" s="535"/>
      <c r="K102" s="565"/>
      <c r="L102" s="536"/>
      <c r="M102" s="566"/>
    </row>
    <row r="103" spans="1:13" ht="16.5" customHeight="1" x14ac:dyDescent="0.15">
      <c r="B103" s="567" t="s">
        <v>343</v>
      </c>
      <c r="C103" s="567"/>
      <c r="D103" s="567"/>
      <c r="E103" s="567"/>
      <c r="F103" s="567"/>
      <c r="G103" s="567"/>
      <c r="H103" s="567"/>
      <c r="I103" s="567"/>
      <c r="J103" s="567"/>
      <c r="K103" s="567"/>
      <c r="L103" s="567"/>
      <c r="M103" s="567"/>
    </row>
    <row r="104" spans="1:13" ht="9.75" customHeight="1" x14ac:dyDescent="0.15">
      <c r="B104" s="568"/>
      <c r="C104" s="568"/>
      <c r="D104" s="568"/>
      <c r="E104" s="568"/>
      <c r="F104" s="568"/>
      <c r="G104" s="568"/>
      <c r="H104" s="568"/>
      <c r="I104" s="568"/>
      <c r="J104" s="568"/>
      <c r="K104" s="568"/>
      <c r="L104" s="568"/>
      <c r="M104" s="568"/>
    </row>
    <row r="105" spans="1:13" ht="15" customHeight="1" x14ac:dyDescent="0.15">
      <c r="A105" s="569"/>
      <c r="B105" s="570" t="s">
        <v>344</v>
      </c>
      <c r="C105" s="569"/>
      <c r="D105" s="569"/>
    </row>
    <row r="106" spans="1:13" ht="15" customHeight="1" x14ac:dyDescent="0.15">
      <c r="A106" s="569"/>
      <c r="B106" s="569" t="s">
        <v>345</v>
      </c>
      <c r="C106" s="569"/>
      <c r="D106" s="569"/>
    </row>
    <row r="107" spans="1:13" ht="6.75" customHeight="1" x14ac:dyDescent="0.15">
      <c r="A107" s="569"/>
      <c r="B107" s="571"/>
      <c r="C107" s="572"/>
      <c r="D107" s="572"/>
      <c r="E107" s="358"/>
      <c r="F107" s="483"/>
      <c r="G107" s="483"/>
      <c r="H107" s="483"/>
      <c r="I107" s="483"/>
      <c r="J107" s="484"/>
      <c r="K107" s="483"/>
      <c r="L107" s="484"/>
      <c r="M107" s="485"/>
    </row>
    <row r="108" spans="1:13" ht="15" customHeight="1" x14ac:dyDescent="0.15">
      <c r="A108" s="569"/>
      <c r="B108" s="573"/>
      <c r="C108" s="569"/>
      <c r="D108" s="569"/>
      <c r="E108" s="360" t="s">
        <v>300</v>
      </c>
      <c r="F108" s="487" t="s">
        <v>301</v>
      </c>
      <c r="G108" s="361" t="s">
        <v>115</v>
      </c>
      <c r="H108" s="362" t="s">
        <v>5</v>
      </c>
      <c r="I108" s="363"/>
      <c r="J108" s="363"/>
      <c r="K108" s="364"/>
      <c r="L108" s="361" t="s">
        <v>5</v>
      </c>
      <c r="M108" s="490" t="s">
        <v>6</v>
      </c>
    </row>
    <row r="109" spans="1:13" ht="15" customHeight="1" x14ac:dyDescent="0.15">
      <c r="A109" s="569"/>
      <c r="B109" s="573"/>
      <c r="C109" s="478" t="s">
        <v>7</v>
      </c>
      <c r="D109" s="478" t="s">
        <v>249</v>
      </c>
      <c r="E109" s="365" t="s">
        <v>303</v>
      </c>
      <c r="F109" s="491" t="s">
        <v>304</v>
      </c>
      <c r="G109" s="491" t="s">
        <v>9</v>
      </c>
      <c r="H109" s="367" t="s">
        <v>9</v>
      </c>
      <c r="I109" s="367"/>
      <c r="J109" s="367"/>
      <c r="K109" s="491" t="s">
        <v>305</v>
      </c>
      <c r="L109" s="494" t="s">
        <v>11</v>
      </c>
      <c r="M109" s="490"/>
    </row>
    <row r="110" spans="1:13" ht="15" customHeight="1" x14ac:dyDescent="0.15">
      <c r="A110" s="569"/>
      <c r="B110" s="573"/>
      <c r="C110" s="574"/>
      <c r="D110" s="575"/>
      <c r="E110" s="365"/>
      <c r="F110" s="491" t="s">
        <v>13</v>
      </c>
      <c r="G110" s="491" t="s">
        <v>14</v>
      </c>
      <c r="H110" s="538" t="s">
        <v>306</v>
      </c>
      <c r="I110" s="372"/>
      <c r="J110" s="373"/>
      <c r="K110" s="491"/>
      <c r="L110" s="494" t="s">
        <v>16</v>
      </c>
      <c r="M110" s="490"/>
    </row>
    <row r="111" spans="1:13" ht="6.75" customHeight="1" x14ac:dyDescent="0.15">
      <c r="A111" s="569"/>
      <c r="B111" s="576"/>
      <c r="C111" s="577"/>
      <c r="D111" s="578"/>
      <c r="E111" s="375"/>
      <c r="F111" s="501"/>
      <c r="G111" s="501"/>
      <c r="H111" s="377"/>
      <c r="I111" s="539"/>
      <c r="J111" s="380"/>
      <c r="K111" s="501"/>
      <c r="L111" s="504"/>
      <c r="M111" s="505"/>
    </row>
    <row r="112" spans="1:13" ht="6.75" customHeight="1" x14ac:dyDescent="0.15">
      <c r="A112" s="569"/>
      <c r="B112" s="571"/>
      <c r="C112" s="579"/>
      <c r="D112" s="579"/>
      <c r="E112" s="580"/>
      <c r="F112" s="479"/>
      <c r="G112" s="479"/>
      <c r="H112" s="479"/>
      <c r="I112" s="479"/>
      <c r="J112" s="479"/>
      <c r="K112" s="481"/>
      <c r="L112" s="480"/>
      <c r="M112" s="581"/>
    </row>
    <row r="113" spans="1:13" ht="15" customHeight="1" x14ac:dyDescent="0.15">
      <c r="A113" s="569"/>
      <c r="B113" s="573"/>
      <c r="C113" s="569" t="s">
        <v>346</v>
      </c>
      <c r="D113" s="569" t="s">
        <v>308</v>
      </c>
      <c r="E113" s="236">
        <v>1250</v>
      </c>
      <c r="F113" s="507">
        <v>1000</v>
      </c>
      <c r="G113" s="508">
        <v>408</v>
      </c>
      <c r="H113" s="508"/>
      <c r="I113" s="508"/>
      <c r="J113" s="508">
        <v>407</v>
      </c>
      <c r="K113" s="481">
        <v>-1</v>
      </c>
      <c r="L113" s="480">
        <v>0.41</v>
      </c>
      <c r="M113" s="541">
        <v>0.4</v>
      </c>
    </row>
    <row r="114" spans="1:13" ht="15" customHeight="1" x14ac:dyDescent="0.15">
      <c r="A114" s="569"/>
      <c r="B114" s="573"/>
      <c r="C114" s="569" t="s">
        <v>347</v>
      </c>
      <c r="D114" s="569" t="s">
        <v>308</v>
      </c>
      <c r="E114" s="236">
        <v>270</v>
      </c>
      <c r="F114" s="507">
        <v>216</v>
      </c>
      <c r="G114" s="508">
        <v>133</v>
      </c>
      <c r="H114" s="508"/>
      <c r="I114" s="508"/>
      <c r="J114" s="508">
        <v>135</v>
      </c>
      <c r="K114" s="481">
        <v>2</v>
      </c>
      <c r="L114" s="480">
        <v>0.63</v>
      </c>
      <c r="M114" s="541">
        <v>0.59</v>
      </c>
    </row>
    <row r="115" spans="1:13" ht="6.75" customHeight="1" x14ac:dyDescent="0.15">
      <c r="A115" s="569"/>
      <c r="B115" s="573"/>
      <c r="C115" s="582"/>
      <c r="D115" s="582"/>
      <c r="E115" s="236"/>
      <c r="F115" s="507"/>
      <c r="G115" s="479"/>
      <c r="H115" s="479"/>
      <c r="I115" s="479"/>
      <c r="J115" s="508"/>
      <c r="K115" s="481"/>
      <c r="L115" s="480"/>
      <c r="M115" s="560"/>
    </row>
    <row r="116" spans="1:13" ht="6.75" customHeight="1" x14ac:dyDescent="0.15">
      <c r="A116" s="569"/>
      <c r="B116" s="583"/>
      <c r="C116" s="584"/>
      <c r="D116" s="585"/>
      <c r="E116" s="242"/>
      <c r="F116" s="517"/>
      <c r="G116" s="518"/>
      <c r="H116" s="518"/>
      <c r="I116" s="518"/>
      <c r="J116" s="519"/>
      <c r="K116" s="543"/>
      <c r="L116" s="521"/>
      <c r="M116" s="561"/>
    </row>
    <row r="117" spans="1:13" ht="15" customHeight="1" x14ac:dyDescent="0.15">
      <c r="A117" s="569"/>
      <c r="B117" s="573"/>
      <c r="C117" s="586" t="s">
        <v>138</v>
      </c>
      <c r="D117" s="586"/>
      <c r="E117" s="247">
        <v>1520</v>
      </c>
      <c r="F117" s="526">
        <v>1216</v>
      </c>
      <c r="G117" s="527">
        <v>541</v>
      </c>
      <c r="H117" s="527"/>
      <c r="I117" s="527"/>
      <c r="J117" s="527">
        <v>542</v>
      </c>
      <c r="K117" s="555">
        <v>1</v>
      </c>
      <c r="L117" s="529">
        <v>0.45</v>
      </c>
      <c r="M117" s="546">
        <v>0.43</v>
      </c>
    </row>
    <row r="118" spans="1:13" ht="6.75" customHeight="1" x14ac:dyDescent="0.15">
      <c r="A118" s="569"/>
      <c r="B118" s="576"/>
      <c r="C118" s="587"/>
      <c r="D118" s="587"/>
      <c r="E118" s="533"/>
      <c r="F118" s="534"/>
      <c r="G118" s="534"/>
      <c r="H118" s="534"/>
      <c r="I118" s="534"/>
      <c r="J118" s="535"/>
      <c r="K118" s="534"/>
      <c r="L118" s="536"/>
      <c r="M118" s="537"/>
    </row>
    <row r="119" spans="1:13" ht="15" customHeight="1" x14ac:dyDescent="0.15">
      <c r="A119" s="569"/>
      <c r="B119" s="569"/>
      <c r="C119" s="569"/>
      <c r="D119" s="569"/>
    </row>
  </sheetData>
  <mergeCells count="15">
    <mergeCell ref="C117:D117"/>
    <mergeCell ref="C88:D88"/>
    <mergeCell ref="B90:M90"/>
    <mergeCell ref="M93:M95"/>
    <mergeCell ref="B103:M103"/>
    <mergeCell ref="M108:M110"/>
    <mergeCell ref="M41:M43"/>
    <mergeCell ref="M51:M53"/>
    <mergeCell ref="C71:D71"/>
    <mergeCell ref="M76:M78"/>
    <mergeCell ref="M6:M8"/>
    <mergeCell ref="C21:D21"/>
    <mergeCell ref="M26:M28"/>
    <mergeCell ref="C35:D35"/>
    <mergeCell ref="B37:M37"/>
  </mergeCells>
  <phoneticPr fontId="3"/>
  <pageMargins left="0.78740157480314965" right="0.59055118110236227" top="0.78740157480314965" bottom="0.78740157480314965" header="0.35433070866141736" footer="0.39370078740157483"/>
  <pageSetup paperSize="9" scale="84" firstPageNumber="11" fitToHeight="0" orientation="portrait" useFirstPageNumber="1" r:id="rId1"/>
  <headerFooter alignWithMargins="0">
    <oddFooter>&amp;C&amp;"ＭＳ ゴシック,標準"&amp;P</oddFooter>
  </headerFooter>
  <rowBreaks count="1" manualBreakCount="1">
    <brk id="48" max="12"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144A4B-68CE-4312-B22F-E9E6264711EF}">
  <dimension ref="A1:J146"/>
  <sheetViews>
    <sheetView showWhiteSpace="0" view="pageBreakPreview" zoomScale="85" zoomScaleNormal="85" zoomScaleSheetLayoutView="85" workbookViewId="0"/>
  </sheetViews>
  <sheetFormatPr defaultColWidth="9" defaultRowHeight="13.5" x14ac:dyDescent="0.15"/>
  <cols>
    <col min="1" max="2" width="1.5" style="235" customWidth="1"/>
    <col min="3" max="3" width="16.625" style="235" customWidth="1"/>
    <col min="4" max="4" width="31.625" style="235" bestFit="1" customWidth="1"/>
    <col min="5" max="6" width="9.25" style="235" bestFit="1" customWidth="1"/>
    <col min="7" max="7" width="9.25" style="235" customWidth="1"/>
    <col min="8" max="8" width="6.375" style="235" customWidth="1"/>
    <col min="9" max="9" width="7.75" style="235" bestFit="1" customWidth="1"/>
    <col min="10" max="10" width="7.5" style="235" bestFit="1" customWidth="1"/>
    <col min="11" max="16384" width="9" style="235"/>
  </cols>
  <sheetData>
    <row r="1" spans="1:10" s="589" customFormat="1" ht="14.25" x14ac:dyDescent="0.15">
      <c r="A1" s="588" t="s">
        <v>348</v>
      </c>
      <c r="C1" s="590"/>
      <c r="E1" s="591"/>
      <c r="I1" s="592"/>
      <c r="J1" s="593"/>
    </row>
    <row r="2" spans="1:10" s="589" customFormat="1" ht="8.4499999999999993" customHeight="1" x14ac:dyDescent="0.2">
      <c r="A2" s="594"/>
      <c r="E2" s="591"/>
      <c r="G2" s="595"/>
      <c r="I2" s="592"/>
      <c r="J2" s="593"/>
    </row>
    <row r="3" spans="1:10" s="589" customFormat="1" ht="17.25" x14ac:dyDescent="0.2">
      <c r="B3" s="594"/>
      <c r="C3" s="590"/>
      <c r="E3" s="591"/>
      <c r="I3" s="592"/>
      <c r="J3" s="593"/>
    </row>
    <row r="4" spans="1:10" ht="14.25" customHeight="1" x14ac:dyDescent="0.15">
      <c r="B4" s="235" t="s">
        <v>349</v>
      </c>
      <c r="E4" s="209"/>
      <c r="I4" s="355"/>
      <c r="J4" s="230"/>
    </row>
    <row r="5" spans="1:10" ht="7.5" customHeight="1" x14ac:dyDescent="0.15">
      <c r="B5" s="356"/>
      <c r="C5" s="357"/>
      <c r="D5" s="357"/>
      <c r="E5" s="358"/>
      <c r="F5" s="359"/>
      <c r="G5" s="359"/>
      <c r="H5" s="359"/>
      <c r="I5" s="359"/>
      <c r="J5" s="331"/>
    </row>
    <row r="6" spans="1:10" ht="14.25" customHeight="1" x14ac:dyDescent="0.15">
      <c r="B6" s="234"/>
      <c r="E6" s="360"/>
      <c r="F6" s="596" t="s">
        <v>350</v>
      </c>
      <c r="G6" s="596" t="s">
        <v>351</v>
      </c>
      <c r="H6" s="597"/>
      <c r="I6" s="596" t="s">
        <v>351</v>
      </c>
      <c r="J6" s="26" t="s">
        <v>6</v>
      </c>
    </row>
    <row r="7" spans="1:10" ht="14.25" customHeight="1" x14ac:dyDescent="0.15">
      <c r="B7" s="234"/>
      <c r="C7" s="235" t="s">
        <v>7</v>
      </c>
      <c r="D7" s="235" t="s">
        <v>352</v>
      </c>
      <c r="E7" s="365" t="s">
        <v>8</v>
      </c>
      <c r="F7" s="369" t="s">
        <v>9</v>
      </c>
      <c r="G7" s="369" t="s">
        <v>9</v>
      </c>
      <c r="H7" s="367" t="s">
        <v>353</v>
      </c>
      <c r="I7" s="369" t="s">
        <v>11</v>
      </c>
      <c r="J7" s="26"/>
    </row>
    <row r="8" spans="1:10" ht="14.25" customHeight="1" x14ac:dyDescent="0.15">
      <c r="B8" s="234"/>
      <c r="C8" s="370"/>
      <c r="D8" s="598"/>
      <c r="E8" s="372" t="s">
        <v>354</v>
      </c>
      <c r="F8" s="599" t="s">
        <v>14</v>
      </c>
      <c r="G8" s="599" t="s">
        <v>15</v>
      </c>
      <c r="H8" s="371"/>
      <c r="I8" s="369" t="s">
        <v>16</v>
      </c>
      <c r="J8" s="26"/>
    </row>
    <row r="9" spans="1:10" ht="7.5" customHeight="1" x14ac:dyDescent="0.15">
      <c r="B9" s="252"/>
      <c r="C9" s="374"/>
      <c r="D9" s="600"/>
      <c r="E9" s="375"/>
      <c r="F9" s="377"/>
      <c r="G9" s="377"/>
      <c r="H9" s="377"/>
      <c r="I9" s="381"/>
      <c r="J9" s="601"/>
    </row>
    <row r="10" spans="1:10" ht="7.5" customHeight="1" x14ac:dyDescent="0.15">
      <c r="B10" s="356"/>
      <c r="C10" s="359"/>
      <c r="D10" s="359"/>
      <c r="E10" s="382"/>
      <c r="F10" s="359"/>
      <c r="G10" s="359"/>
      <c r="H10" s="359"/>
      <c r="I10" s="359"/>
      <c r="J10" s="332"/>
    </row>
    <row r="11" spans="1:10" ht="14.25" customHeight="1" x14ac:dyDescent="0.15">
      <c r="B11" s="234"/>
      <c r="C11" s="235" t="s">
        <v>222</v>
      </c>
      <c r="D11" s="235" t="s">
        <v>355</v>
      </c>
      <c r="E11" s="602">
        <v>10</v>
      </c>
      <c r="F11" s="603">
        <v>19</v>
      </c>
      <c r="G11" s="603">
        <v>17</v>
      </c>
      <c r="H11" s="384">
        <v>-2</v>
      </c>
      <c r="I11" s="355">
        <v>1.7</v>
      </c>
      <c r="J11" s="274">
        <v>1.4</v>
      </c>
    </row>
    <row r="12" spans="1:10" ht="20.25" customHeight="1" x14ac:dyDescent="0.15">
      <c r="B12" s="234"/>
      <c r="C12" s="235" t="s">
        <v>356</v>
      </c>
      <c r="D12" s="235" t="s">
        <v>357</v>
      </c>
      <c r="E12" s="602">
        <v>20</v>
      </c>
      <c r="F12" s="603">
        <v>13</v>
      </c>
      <c r="G12" s="603">
        <v>11</v>
      </c>
      <c r="H12" s="384">
        <v>-2</v>
      </c>
      <c r="I12" s="355">
        <v>0.55000000000000004</v>
      </c>
      <c r="J12" s="274">
        <v>0.8</v>
      </c>
    </row>
    <row r="13" spans="1:10" ht="14.25" customHeight="1" x14ac:dyDescent="0.15">
      <c r="B13" s="234"/>
      <c r="C13" s="235" t="s">
        <v>144</v>
      </c>
      <c r="D13" s="235" t="s">
        <v>358</v>
      </c>
      <c r="E13" s="602">
        <v>5</v>
      </c>
      <c r="F13" s="603">
        <v>5</v>
      </c>
      <c r="G13" s="603">
        <v>5</v>
      </c>
      <c r="H13" s="384">
        <v>0</v>
      </c>
      <c r="I13" s="355">
        <v>1</v>
      </c>
      <c r="J13" s="274">
        <v>1.4</v>
      </c>
    </row>
    <row r="14" spans="1:10" ht="14.25" customHeight="1" x14ac:dyDescent="0.15">
      <c r="B14" s="234"/>
      <c r="D14" s="551" t="s">
        <v>269</v>
      </c>
      <c r="E14" s="604">
        <v>25</v>
      </c>
      <c r="F14" s="605">
        <v>18</v>
      </c>
      <c r="G14" s="605">
        <v>16</v>
      </c>
      <c r="H14" s="606">
        <v>-2</v>
      </c>
      <c r="I14" s="607">
        <v>0.64</v>
      </c>
      <c r="J14" s="608">
        <v>0.92</v>
      </c>
    </row>
    <row r="15" spans="1:10" ht="20.25" customHeight="1" x14ac:dyDescent="0.15">
      <c r="B15" s="234"/>
      <c r="C15" s="235" t="s">
        <v>50</v>
      </c>
      <c r="D15" s="235" t="s">
        <v>359</v>
      </c>
      <c r="E15" s="602">
        <v>10</v>
      </c>
      <c r="F15" s="603">
        <v>9</v>
      </c>
      <c r="G15" s="603">
        <v>9</v>
      </c>
      <c r="H15" s="384">
        <v>0</v>
      </c>
      <c r="I15" s="355">
        <v>0.9</v>
      </c>
      <c r="J15" s="274">
        <v>1.1000000000000001</v>
      </c>
    </row>
    <row r="16" spans="1:10" ht="14.25" customHeight="1" x14ac:dyDescent="0.15">
      <c r="B16" s="234"/>
      <c r="C16" s="235" t="s">
        <v>360</v>
      </c>
      <c r="D16" s="235" t="s">
        <v>359</v>
      </c>
      <c r="E16" s="602">
        <v>10</v>
      </c>
      <c r="F16" s="603">
        <v>1</v>
      </c>
      <c r="G16" s="603">
        <v>1</v>
      </c>
      <c r="H16" s="384">
        <v>0</v>
      </c>
      <c r="I16" s="355">
        <v>0.1</v>
      </c>
      <c r="J16" s="274">
        <v>0.1</v>
      </c>
    </row>
    <row r="17" spans="2:10" ht="14.25" customHeight="1" x14ac:dyDescent="0.15">
      <c r="B17" s="234"/>
      <c r="C17" s="235" t="s">
        <v>361</v>
      </c>
      <c r="D17" s="235" t="s">
        <v>359</v>
      </c>
      <c r="E17" s="602">
        <v>15</v>
      </c>
      <c r="F17" s="603">
        <v>2</v>
      </c>
      <c r="G17" s="603">
        <v>3</v>
      </c>
      <c r="H17" s="384">
        <v>1</v>
      </c>
      <c r="I17" s="355">
        <v>0.2</v>
      </c>
      <c r="J17" s="274">
        <v>0.27</v>
      </c>
    </row>
    <row r="18" spans="2:10" ht="14.25" customHeight="1" x14ac:dyDescent="0.15">
      <c r="B18" s="234"/>
      <c r="C18" s="235" t="s">
        <v>362</v>
      </c>
      <c r="D18" s="235" t="s">
        <v>363</v>
      </c>
      <c r="E18" s="602">
        <v>5</v>
      </c>
      <c r="F18" s="603">
        <v>5</v>
      </c>
      <c r="G18" s="603">
        <v>5</v>
      </c>
      <c r="H18" s="384">
        <v>0</v>
      </c>
      <c r="I18" s="355">
        <v>1</v>
      </c>
      <c r="J18" s="274">
        <v>1</v>
      </c>
    </row>
    <row r="19" spans="2:10" ht="14.25" customHeight="1" x14ac:dyDescent="0.15">
      <c r="B19" s="234"/>
      <c r="C19" s="235" t="s">
        <v>364</v>
      </c>
      <c r="D19" s="235" t="s">
        <v>359</v>
      </c>
      <c r="E19" s="602">
        <v>10</v>
      </c>
      <c r="F19" s="603">
        <v>4</v>
      </c>
      <c r="G19" s="603">
        <v>4</v>
      </c>
      <c r="H19" s="384">
        <v>0</v>
      </c>
      <c r="I19" s="355">
        <v>0.4</v>
      </c>
      <c r="J19" s="274">
        <v>0.5</v>
      </c>
    </row>
    <row r="20" spans="2:10" ht="21.75" customHeight="1" x14ac:dyDescent="0.15">
      <c r="B20" s="234"/>
      <c r="C20" s="303" t="s">
        <v>365</v>
      </c>
      <c r="D20" s="303"/>
      <c r="E20" s="604">
        <v>85</v>
      </c>
      <c r="F20" s="605">
        <v>58</v>
      </c>
      <c r="G20" s="605">
        <v>55</v>
      </c>
      <c r="H20" s="606">
        <v>-3</v>
      </c>
      <c r="I20" s="607">
        <v>0.65</v>
      </c>
      <c r="J20" s="608">
        <v>0.74</v>
      </c>
    </row>
    <row r="21" spans="2:10" ht="21.75" customHeight="1" x14ac:dyDescent="0.15">
      <c r="B21" s="234"/>
      <c r="C21" s="235" t="s">
        <v>243</v>
      </c>
      <c r="D21" s="235" t="s">
        <v>366</v>
      </c>
      <c r="E21" s="602">
        <v>10</v>
      </c>
      <c r="F21" s="603">
        <v>5</v>
      </c>
      <c r="G21" s="603">
        <v>6</v>
      </c>
      <c r="H21" s="384">
        <v>1</v>
      </c>
      <c r="I21" s="355">
        <v>0.6</v>
      </c>
      <c r="J21" s="274">
        <v>0.3</v>
      </c>
    </row>
    <row r="22" spans="2:10" ht="7.5" customHeight="1" x14ac:dyDescent="0.15">
      <c r="B22" s="234"/>
      <c r="C22" s="609"/>
      <c r="D22" s="609"/>
      <c r="E22" s="602"/>
      <c r="F22" s="603"/>
      <c r="G22" s="603"/>
      <c r="H22" s="384"/>
      <c r="I22" s="355"/>
      <c r="J22" s="274"/>
    </row>
    <row r="23" spans="2:10" ht="7.5" customHeight="1" x14ac:dyDescent="0.15">
      <c r="B23" s="240"/>
      <c r="C23" s="610"/>
      <c r="D23" s="610"/>
      <c r="E23" s="611"/>
      <c r="F23" s="612"/>
      <c r="G23" s="612"/>
      <c r="H23" s="613"/>
      <c r="I23" s="614"/>
      <c r="J23" s="615"/>
    </row>
    <row r="24" spans="2:10" ht="14.25" customHeight="1" x14ac:dyDescent="0.15">
      <c r="B24" s="234"/>
      <c r="C24" s="616" t="s">
        <v>138</v>
      </c>
      <c r="D24" s="617"/>
      <c r="E24" s="604">
        <v>95</v>
      </c>
      <c r="F24" s="605">
        <v>63</v>
      </c>
      <c r="G24" s="605">
        <v>61</v>
      </c>
      <c r="H24" s="606">
        <v>-2</v>
      </c>
      <c r="I24" s="607">
        <v>0.64</v>
      </c>
      <c r="J24" s="608">
        <v>0.69</v>
      </c>
    </row>
    <row r="25" spans="2:10" ht="7.5" customHeight="1" x14ac:dyDescent="0.15">
      <c r="B25" s="252"/>
      <c r="C25" s="618"/>
      <c r="D25" s="618"/>
      <c r="E25" s="254"/>
      <c r="F25" s="619"/>
      <c r="G25" s="619"/>
      <c r="H25" s="619"/>
      <c r="I25" s="390"/>
      <c r="J25" s="257"/>
    </row>
    <row r="26" spans="2:10" x14ac:dyDescent="0.15">
      <c r="B26" s="620" t="s">
        <v>367</v>
      </c>
      <c r="C26" s="620"/>
      <c r="D26" s="620"/>
      <c r="E26" s="620"/>
      <c r="F26" s="620"/>
      <c r="G26" s="620"/>
      <c r="H26" s="620"/>
      <c r="I26" s="620"/>
      <c r="J26" s="620"/>
    </row>
    <row r="27" spans="2:10" ht="14.25" customHeight="1" x14ac:dyDescent="0.15">
      <c r="B27" s="620"/>
      <c r="C27" s="620"/>
      <c r="D27" s="620"/>
      <c r="E27" s="620"/>
      <c r="F27" s="620"/>
      <c r="G27" s="620"/>
      <c r="H27" s="620"/>
      <c r="I27" s="620"/>
      <c r="J27" s="620"/>
    </row>
    <row r="28" spans="2:10" ht="14.25" customHeight="1" x14ac:dyDescent="0.15">
      <c r="E28" s="209"/>
      <c r="I28" s="355"/>
      <c r="J28" s="230"/>
    </row>
    <row r="29" spans="2:10" ht="14.25" customHeight="1" x14ac:dyDescent="0.15">
      <c r="B29" s="235" t="s">
        <v>368</v>
      </c>
      <c r="E29" s="209"/>
      <c r="I29" s="355"/>
      <c r="J29" s="230"/>
    </row>
    <row r="30" spans="2:10" ht="7.5" customHeight="1" x14ac:dyDescent="0.15">
      <c r="B30" s="356"/>
      <c r="C30" s="357"/>
      <c r="D30" s="357"/>
      <c r="E30" s="358"/>
      <c r="F30" s="359"/>
      <c r="G30" s="359"/>
      <c r="H30" s="359"/>
      <c r="I30" s="359"/>
      <c r="J30" s="331"/>
    </row>
    <row r="31" spans="2:10" ht="14.25" customHeight="1" x14ac:dyDescent="0.15">
      <c r="B31" s="234"/>
      <c r="E31" s="360"/>
      <c r="F31" s="596" t="s">
        <v>115</v>
      </c>
      <c r="G31" s="596" t="s">
        <v>351</v>
      </c>
      <c r="H31" s="597"/>
      <c r="I31" s="596" t="s">
        <v>351</v>
      </c>
      <c r="J31" s="26" t="s">
        <v>6</v>
      </c>
    </row>
    <row r="32" spans="2:10" ht="14.25" customHeight="1" x14ac:dyDescent="0.15">
      <c r="B32" s="234"/>
      <c r="C32" s="235" t="s">
        <v>7</v>
      </c>
      <c r="D32" s="235" t="s">
        <v>249</v>
      </c>
      <c r="E32" s="365" t="s">
        <v>8</v>
      </c>
      <c r="F32" s="369" t="s">
        <v>9</v>
      </c>
      <c r="G32" s="369" t="s">
        <v>9</v>
      </c>
      <c r="H32" s="367" t="s">
        <v>353</v>
      </c>
      <c r="I32" s="369" t="s">
        <v>11</v>
      </c>
      <c r="J32" s="26"/>
    </row>
    <row r="33" spans="2:10" ht="14.25" customHeight="1" x14ac:dyDescent="0.15">
      <c r="B33" s="234"/>
      <c r="C33" s="370"/>
      <c r="D33" s="598"/>
      <c r="E33" s="372" t="s">
        <v>354</v>
      </c>
      <c r="F33" s="599" t="s">
        <v>14</v>
      </c>
      <c r="G33" s="599" t="s">
        <v>15</v>
      </c>
      <c r="H33" s="371"/>
      <c r="I33" s="369" t="s">
        <v>16</v>
      </c>
      <c r="J33" s="26"/>
    </row>
    <row r="34" spans="2:10" ht="7.5" customHeight="1" x14ac:dyDescent="0.15">
      <c r="B34" s="252"/>
      <c r="C34" s="374"/>
      <c r="D34" s="600"/>
      <c r="E34" s="375"/>
      <c r="F34" s="377"/>
      <c r="G34" s="377"/>
      <c r="H34" s="377"/>
      <c r="I34" s="381"/>
      <c r="J34" s="601"/>
    </row>
    <row r="35" spans="2:10" ht="7.5" customHeight="1" x14ac:dyDescent="0.15">
      <c r="B35" s="356"/>
      <c r="C35" s="370"/>
      <c r="D35" s="370"/>
      <c r="E35" s="382"/>
      <c r="F35" s="370"/>
      <c r="G35" s="370"/>
      <c r="H35" s="370"/>
      <c r="I35" s="370"/>
      <c r="J35" s="332"/>
    </row>
    <row r="36" spans="2:10" x14ac:dyDescent="0.15">
      <c r="B36" s="234"/>
      <c r="C36" s="235" t="s">
        <v>369</v>
      </c>
      <c r="D36" s="235" t="s">
        <v>262</v>
      </c>
      <c r="E36" s="602">
        <v>20</v>
      </c>
      <c r="F36" s="603">
        <v>23</v>
      </c>
      <c r="G36" s="603">
        <v>22</v>
      </c>
      <c r="H36" s="384">
        <v>-1</v>
      </c>
      <c r="I36" s="355">
        <v>1.1000000000000001</v>
      </c>
      <c r="J36" s="274">
        <v>1.7</v>
      </c>
    </row>
    <row r="37" spans="2:10" x14ac:dyDescent="0.15">
      <c r="B37" s="234"/>
      <c r="C37" s="235" t="s">
        <v>370</v>
      </c>
      <c r="D37" s="235" t="s">
        <v>371</v>
      </c>
      <c r="E37" s="602">
        <v>13</v>
      </c>
      <c r="F37" s="603">
        <v>18</v>
      </c>
      <c r="G37" s="603">
        <v>18</v>
      </c>
      <c r="H37" s="384">
        <v>0</v>
      </c>
      <c r="I37" s="355">
        <v>1.38</v>
      </c>
      <c r="J37" s="274">
        <v>1.54</v>
      </c>
    </row>
    <row r="38" spans="2:10" ht="18.75" customHeight="1" x14ac:dyDescent="0.15">
      <c r="B38" s="234"/>
      <c r="C38" s="235" t="s">
        <v>372</v>
      </c>
      <c r="D38" s="235" t="s">
        <v>340</v>
      </c>
      <c r="E38" s="602">
        <v>2</v>
      </c>
      <c r="F38" s="603">
        <v>3</v>
      </c>
      <c r="G38" s="603">
        <v>2</v>
      </c>
      <c r="H38" s="384">
        <v>-1</v>
      </c>
      <c r="I38" s="355">
        <v>1</v>
      </c>
      <c r="J38" s="265" t="s">
        <v>224</v>
      </c>
    </row>
    <row r="39" spans="2:10" x14ac:dyDescent="0.15">
      <c r="B39" s="234"/>
      <c r="C39" s="235" t="s">
        <v>146</v>
      </c>
      <c r="D39" s="235" t="s">
        <v>341</v>
      </c>
      <c r="E39" s="602">
        <v>2</v>
      </c>
      <c r="F39" s="603">
        <v>2</v>
      </c>
      <c r="G39" s="603">
        <v>1</v>
      </c>
      <c r="H39" s="384">
        <v>-1</v>
      </c>
      <c r="I39" s="355">
        <v>0.5</v>
      </c>
      <c r="J39" s="265" t="s">
        <v>224</v>
      </c>
    </row>
    <row r="40" spans="2:10" x14ac:dyDescent="0.15">
      <c r="B40" s="234"/>
      <c r="C40" s="235" t="s">
        <v>146</v>
      </c>
      <c r="D40" s="235" t="s">
        <v>342</v>
      </c>
      <c r="E40" s="602">
        <v>2</v>
      </c>
      <c r="F40" s="603">
        <v>3</v>
      </c>
      <c r="G40" s="603">
        <v>2</v>
      </c>
      <c r="H40" s="384">
        <v>-1</v>
      </c>
      <c r="I40" s="355">
        <v>1</v>
      </c>
      <c r="J40" s="265" t="s">
        <v>224</v>
      </c>
    </row>
    <row r="41" spans="2:10" x14ac:dyDescent="0.15">
      <c r="B41" s="234"/>
      <c r="C41" s="235" t="s">
        <v>146</v>
      </c>
      <c r="D41" s="235" t="s">
        <v>373</v>
      </c>
      <c r="E41" s="602">
        <v>2</v>
      </c>
      <c r="F41" s="603">
        <v>1</v>
      </c>
      <c r="G41" s="603">
        <v>1</v>
      </c>
      <c r="H41" s="384">
        <v>0</v>
      </c>
      <c r="I41" s="355">
        <v>0.5</v>
      </c>
      <c r="J41" s="265" t="s">
        <v>224</v>
      </c>
    </row>
    <row r="42" spans="2:10" x14ac:dyDescent="0.15">
      <c r="B42" s="234"/>
      <c r="D42" s="551" t="s">
        <v>269</v>
      </c>
      <c r="E42" s="604">
        <v>8</v>
      </c>
      <c r="F42" s="605">
        <v>9</v>
      </c>
      <c r="G42" s="605">
        <v>6</v>
      </c>
      <c r="H42" s="606">
        <v>-3</v>
      </c>
      <c r="I42" s="607">
        <v>0.75</v>
      </c>
      <c r="J42" s="621" t="s">
        <v>224</v>
      </c>
    </row>
    <row r="43" spans="2:10" ht="19.5" customHeight="1" x14ac:dyDescent="0.15">
      <c r="B43" s="234"/>
      <c r="C43" s="235" t="s">
        <v>374</v>
      </c>
      <c r="D43" s="235" t="s">
        <v>375</v>
      </c>
      <c r="E43" s="602">
        <v>12</v>
      </c>
      <c r="F43" s="603">
        <v>23</v>
      </c>
      <c r="G43" s="603">
        <v>18</v>
      </c>
      <c r="H43" s="384">
        <v>-5</v>
      </c>
      <c r="I43" s="355">
        <v>1.5</v>
      </c>
      <c r="J43" s="274">
        <v>1.1000000000000001</v>
      </c>
    </row>
    <row r="44" spans="2:10" x14ac:dyDescent="0.15">
      <c r="B44" s="234"/>
      <c r="C44" s="235" t="s">
        <v>376</v>
      </c>
      <c r="D44" s="235" t="s">
        <v>371</v>
      </c>
      <c r="E44" s="602">
        <v>13</v>
      </c>
      <c r="F44" s="603">
        <v>18</v>
      </c>
      <c r="G44" s="603">
        <v>18</v>
      </c>
      <c r="H44" s="384">
        <v>0</v>
      </c>
      <c r="I44" s="355">
        <v>1.38</v>
      </c>
      <c r="J44" s="274">
        <v>1.5</v>
      </c>
    </row>
    <row r="45" spans="2:10" x14ac:dyDescent="0.15">
      <c r="B45" s="234"/>
      <c r="C45" s="235" t="s">
        <v>377</v>
      </c>
      <c r="D45" s="235" t="s">
        <v>371</v>
      </c>
      <c r="E45" s="602">
        <v>13</v>
      </c>
      <c r="F45" s="603">
        <v>12</v>
      </c>
      <c r="G45" s="603">
        <v>11</v>
      </c>
      <c r="H45" s="384">
        <v>-1</v>
      </c>
      <c r="I45" s="355">
        <v>0.85</v>
      </c>
      <c r="J45" s="274">
        <v>0.9</v>
      </c>
    </row>
    <row r="46" spans="2:10" x14ac:dyDescent="0.15">
      <c r="B46" s="234"/>
      <c r="C46" s="235" t="s">
        <v>378</v>
      </c>
      <c r="D46" s="235" t="s">
        <v>299</v>
      </c>
      <c r="E46" s="602">
        <v>10</v>
      </c>
      <c r="F46" s="603">
        <v>10</v>
      </c>
      <c r="G46" s="603">
        <v>11</v>
      </c>
      <c r="H46" s="384">
        <v>1</v>
      </c>
      <c r="I46" s="355">
        <v>1.1000000000000001</v>
      </c>
      <c r="J46" s="274">
        <v>1.2</v>
      </c>
    </row>
    <row r="47" spans="2:10" x14ac:dyDescent="0.15">
      <c r="B47" s="234"/>
      <c r="C47" s="235" t="s">
        <v>277</v>
      </c>
      <c r="D47" s="235" t="s">
        <v>379</v>
      </c>
      <c r="E47" s="602">
        <v>10</v>
      </c>
      <c r="F47" s="603">
        <v>6</v>
      </c>
      <c r="G47" s="603">
        <v>8</v>
      </c>
      <c r="H47" s="384">
        <v>2</v>
      </c>
      <c r="I47" s="355">
        <v>0.8</v>
      </c>
      <c r="J47" s="274">
        <v>1.2</v>
      </c>
    </row>
    <row r="48" spans="2:10" x14ac:dyDescent="0.15">
      <c r="B48" s="234"/>
      <c r="C48" s="235" t="s">
        <v>380</v>
      </c>
      <c r="D48" s="235" t="s">
        <v>375</v>
      </c>
      <c r="E48" s="602">
        <v>10</v>
      </c>
      <c r="F48" s="603">
        <v>10</v>
      </c>
      <c r="G48" s="603">
        <v>10</v>
      </c>
      <c r="H48" s="384">
        <v>0</v>
      </c>
      <c r="I48" s="355">
        <v>1</v>
      </c>
      <c r="J48" s="274">
        <v>0.8</v>
      </c>
    </row>
    <row r="49" spans="2:10" x14ac:dyDescent="0.15">
      <c r="B49" s="234"/>
      <c r="C49" s="235" t="s">
        <v>381</v>
      </c>
      <c r="D49" s="235" t="s">
        <v>258</v>
      </c>
      <c r="E49" s="602">
        <v>10</v>
      </c>
      <c r="F49" s="603">
        <v>13</v>
      </c>
      <c r="G49" s="603">
        <v>14</v>
      </c>
      <c r="H49" s="384">
        <v>1</v>
      </c>
      <c r="I49" s="355">
        <v>1.4</v>
      </c>
      <c r="J49" s="274">
        <v>1.1000000000000001</v>
      </c>
    </row>
    <row r="50" spans="2:10" x14ac:dyDescent="0.15">
      <c r="B50" s="234"/>
      <c r="C50" s="235" t="s">
        <v>382</v>
      </c>
      <c r="D50" s="235" t="s">
        <v>383</v>
      </c>
      <c r="E50" s="602">
        <v>10</v>
      </c>
      <c r="F50" s="603">
        <v>16</v>
      </c>
      <c r="G50" s="603">
        <v>15</v>
      </c>
      <c r="H50" s="384">
        <v>-1</v>
      </c>
      <c r="I50" s="355">
        <v>1.5</v>
      </c>
      <c r="J50" s="274">
        <v>1.1000000000000001</v>
      </c>
    </row>
    <row r="51" spans="2:10" x14ac:dyDescent="0.15">
      <c r="B51" s="234"/>
      <c r="C51" s="235" t="s">
        <v>384</v>
      </c>
      <c r="D51" s="235" t="s">
        <v>383</v>
      </c>
      <c r="E51" s="602">
        <v>10</v>
      </c>
      <c r="F51" s="603">
        <v>9</v>
      </c>
      <c r="G51" s="603">
        <v>9</v>
      </c>
      <c r="H51" s="384">
        <v>0</v>
      </c>
      <c r="I51" s="355">
        <v>0.9</v>
      </c>
      <c r="J51" s="274">
        <v>1.2</v>
      </c>
    </row>
    <row r="52" spans="2:10" x14ac:dyDescent="0.15">
      <c r="B52" s="234"/>
      <c r="C52" s="235" t="s">
        <v>255</v>
      </c>
      <c r="D52" s="235" t="s">
        <v>262</v>
      </c>
      <c r="E52" s="602">
        <v>15</v>
      </c>
      <c r="F52" s="603">
        <v>18</v>
      </c>
      <c r="G52" s="603">
        <v>20</v>
      </c>
      <c r="H52" s="384">
        <v>2</v>
      </c>
      <c r="I52" s="355">
        <v>1.33</v>
      </c>
      <c r="J52" s="274">
        <v>1.5</v>
      </c>
    </row>
    <row r="53" spans="2:10" x14ac:dyDescent="0.15">
      <c r="B53" s="234"/>
      <c r="C53" s="235" t="s">
        <v>385</v>
      </c>
      <c r="D53" s="235" t="s">
        <v>299</v>
      </c>
      <c r="E53" s="602">
        <v>15</v>
      </c>
      <c r="F53" s="603">
        <v>8</v>
      </c>
      <c r="G53" s="603">
        <v>10</v>
      </c>
      <c r="H53" s="384">
        <v>2</v>
      </c>
      <c r="I53" s="355">
        <v>0.67</v>
      </c>
      <c r="J53" s="274">
        <v>0.7</v>
      </c>
    </row>
    <row r="54" spans="2:10" ht="21.75" customHeight="1" x14ac:dyDescent="0.15">
      <c r="B54" s="234"/>
      <c r="C54" s="303" t="s">
        <v>365</v>
      </c>
      <c r="D54" s="303"/>
      <c r="E54" s="622">
        <v>169</v>
      </c>
      <c r="F54" s="605">
        <v>193</v>
      </c>
      <c r="G54" s="605">
        <v>190</v>
      </c>
      <c r="H54" s="606">
        <v>-3</v>
      </c>
      <c r="I54" s="607">
        <v>1.1200000000000001</v>
      </c>
      <c r="J54" s="608">
        <v>1.24</v>
      </c>
    </row>
    <row r="55" spans="2:10" ht="21.75" customHeight="1" x14ac:dyDescent="0.15">
      <c r="B55" s="234"/>
      <c r="C55" s="235" t="s">
        <v>386</v>
      </c>
      <c r="D55" s="235" t="s">
        <v>387</v>
      </c>
      <c r="E55" s="602">
        <v>6</v>
      </c>
      <c r="F55" s="603">
        <v>5</v>
      </c>
      <c r="G55" s="603">
        <v>6</v>
      </c>
      <c r="H55" s="384">
        <v>1</v>
      </c>
      <c r="I55" s="355">
        <v>1</v>
      </c>
      <c r="J55" s="274">
        <v>2.17</v>
      </c>
    </row>
    <row r="56" spans="2:10" ht="13.5" customHeight="1" x14ac:dyDescent="0.15">
      <c r="B56" s="234"/>
      <c r="C56" s="235" t="s">
        <v>388</v>
      </c>
      <c r="D56" s="235" t="s">
        <v>218</v>
      </c>
      <c r="E56" s="602">
        <v>4</v>
      </c>
      <c r="F56" s="603">
        <v>6</v>
      </c>
      <c r="G56" s="603">
        <v>6</v>
      </c>
      <c r="H56" s="384">
        <v>0</v>
      </c>
      <c r="I56" s="355">
        <v>1.5</v>
      </c>
      <c r="J56" s="274">
        <v>1.25</v>
      </c>
    </row>
    <row r="57" spans="2:10" ht="21.75" customHeight="1" x14ac:dyDescent="0.15">
      <c r="B57" s="234"/>
      <c r="C57" s="303" t="s">
        <v>389</v>
      </c>
      <c r="E57" s="622">
        <v>10</v>
      </c>
      <c r="F57" s="605">
        <v>11</v>
      </c>
      <c r="G57" s="605">
        <v>12</v>
      </c>
      <c r="H57" s="606">
        <v>1</v>
      </c>
      <c r="I57" s="607">
        <v>1.2</v>
      </c>
      <c r="J57" s="608">
        <v>1.8</v>
      </c>
    </row>
    <row r="58" spans="2:10" ht="7.5" customHeight="1" x14ac:dyDescent="0.15">
      <c r="B58" s="234"/>
      <c r="C58" s="609"/>
      <c r="D58" s="609"/>
      <c r="E58" s="602"/>
      <c r="F58" s="603"/>
      <c r="G58" s="603"/>
      <c r="H58" s="384"/>
      <c r="I58" s="355"/>
      <c r="J58" s="300"/>
    </row>
    <row r="59" spans="2:10" ht="7.5" customHeight="1" x14ac:dyDescent="0.15">
      <c r="B59" s="240"/>
      <c r="C59" s="610"/>
      <c r="D59" s="610"/>
      <c r="E59" s="611"/>
      <c r="F59" s="612"/>
      <c r="G59" s="612"/>
      <c r="H59" s="613"/>
      <c r="I59" s="614"/>
      <c r="J59" s="623"/>
    </row>
    <row r="60" spans="2:10" x14ac:dyDescent="0.15">
      <c r="B60" s="234"/>
      <c r="C60" s="616" t="s">
        <v>138</v>
      </c>
      <c r="D60" s="617"/>
      <c r="E60" s="248">
        <v>179</v>
      </c>
      <c r="F60" s="605">
        <v>204</v>
      </c>
      <c r="G60" s="605">
        <v>202</v>
      </c>
      <c r="H60" s="606">
        <v>-2</v>
      </c>
      <c r="I60" s="607">
        <v>1.1299999999999999</v>
      </c>
      <c r="J60" s="608">
        <v>1.28</v>
      </c>
    </row>
    <row r="61" spans="2:10" ht="7.5" customHeight="1" x14ac:dyDescent="0.15">
      <c r="B61" s="252"/>
      <c r="C61" s="618"/>
      <c r="D61" s="618"/>
      <c r="E61" s="254"/>
      <c r="F61" s="619"/>
      <c r="G61" s="619"/>
      <c r="H61" s="619"/>
      <c r="I61" s="390"/>
      <c r="J61" s="257"/>
    </row>
    <row r="62" spans="2:10" ht="14.25" customHeight="1" x14ac:dyDescent="0.15">
      <c r="B62" s="620"/>
      <c r="C62" s="620"/>
      <c r="D62" s="620"/>
      <c r="E62" s="620"/>
      <c r="F62" s="620"/>
      <c r="G62" s="620"/>
      <c r="H62" s="620"/>
      <c r="I62" s="620"/>
      <c r="J62" s="620"/>
    </row>
    <row r="63" spans="2:10" ht="14.25" customHeight="1" x14ac:dyDescent="0.15">
      <c r="B63" s="235" t="s">
        <v>390</v>
      </c>
      <c r="E63" s="209"/>
      <c r="I63" s="355"/>
      <c r="J63" s="230"/>
    </row>
    <row r="64" spans="2:10" ht="7.5" customHeight="1" x14ac:dyDescent="0.15">
      <c r="B64" s="356"/>
      <c r="C64" s="357"/>
      <c r="D64" s="357"/>
      <c r="E64" s="358"/>
      <c r="F64" s="359"/>
      <c r="G64" s="359"/>
      <c r="H64" s="359"/>
      <c r="I64" s="359"/>
      <c r="J64" s="331"/>
    </row>
    <row r="65" spans="2:10" ht="14.25" customHeight="1" x14ac:dyDescent="0.15">
      <c r="B65" s="234"/>
      <c r="E65" s="360"/>
      <c r="F65" s="596" t="s">
        <v>115</v>
      </c>
      <c r="G65" s="596" t="s">
        <v>351</v>
      </c>
      <c r="H65" s="597"/>
      <c r="I65" s="596" t="s">
        <v>351</v>
      </c>
      <c r="J65" s="26" t="s">
        <v>6</v>
      </c>
    </row>
    <row r="66" spans="2:10" ht="14.25" customHeight="1" x14ac:dyDescent="0.15">
      <c r="B66" s="234"/>
      <c r="C66" s="235" t="s">
        <v>7</v>
      </c>
      <c r="D66" s="235" t="s">
        <v>391</v>
      </c>
      <c r="E66" s="365" t="s">
        <v>8</v>
      </c>
      <c r="F66" s="369" t="s">
        <v>9</v>
      </c>
      <c r="G66" s="369" t="s">
        <v>9</v>
      </c>
      <c r="H66" s="367" t="s">
        <v>353</v>
      </c>
      <c r="I66" s="369" t="s">
        <v>11</v>
      </c>
      <c r="J66" s="26"/>
    </row>
    <row r="67" spans="2:10" ht="14.25" customHeight="1" x14ac:dyDescent="0.15">
      <c r="B67" s="234"/>
      <c r="C67" s="370"/>
      <c r="D67" s="598"/>
      <c r="E67" s="372" t="s">
        <v>354</v>
      </c>
      <c r="F67" s="599" t="s">
        <v>14</v>
      </c>
      <c r="G67" s="599" t="s">
        <v>15</v>
      </c>
      <c r="H67" s="371"/>
      <c r="I67" s="369" t="s">
        <v>16</v>
      </c>
      <c r="J67" s="26"/>
    </row>
    <row r="68" spans="2:10" ht="7.5" customHeight="1" x14ac:dyDescent="0.15">
      <c r="B68" s="252"/>
      <c r="C68" s="374"/>
      <c r="D68" s="600"/>
      <c r="E68" s="375"/>
      <c r="F68" s="377"/>
      <c r="G68" s="377"/>
      <c r="H68" s="377"/>
      <c r="I68" s="381"/>
      <c r="J68" s="601"/>
    </row>
    <row r="69" spans="2:10" ht="7.5" customHeight="1" x14ac:dyDescent="0.15">
      <c r="B69" s="356"/>
      <c r="C69" s="370"/>
      <c r="D69" s="370"/>
      <c r="E69" s="382"/>
      <c r="F69" s="370"/>
      <c r="G69" s="370"/>
      <c r="H69" s="370"/>
      <c r="I69" s="370"/>
      <c r="J69" s="332"/>
    </row>
    <row r="70" spans="2:10" ht="13.5" customHeight="1" x14ac:dyDescent="0.15">
      <c r="B70" s="234"/>
      <c r="C70" s="624" t="s">
        <v>392</v>
      </c>
      <c r="D70" s="624" t="s">
        <v>393</v>
      </c>
      <c r="E70" s="602">
        <v>15</v>
      </c>
      <c r="F70" s="603">
        <v>14</v>
      </c>
      <c r="G70" s="603">
        <v>14</v>
      </c>
      <c r="H70" s="384">
        <v>0</v>
      </c>
      <c r="I70" s="355">
        <v>0.93</v>
      </c>
      <c r="J70" s="274">
        <v>1.71</v>
      </c>
    </row>
    <row r="71" spans="2:10" ht="13.5" customHeight="1" x14ac:dyDescent="0.15">
      <c r="B71" s="234"/>
      <c r="C71" s="624" t="s">
        <v>144</v>
      </c>
      <c r="D71" s="624" t="s">
        <v>394</v>
      </c>
      <c r="E71" s="602">
        <v>15</v>
      </c>
      <c r="F71" s="603">
        <v>9</v>
      </c>
      <c r="G71" s="603">
        <v>12</v>
      </c>
      <c r="H71" s="384">
        <v>3</v>
      </c>
      <c r="I71" s="355">
        <v>0.8</v>
      </c>
      <c r="J71" s="274">
        <v>1.1399999999999999</v>
      </c>
    </row>
    <row r="72" spans="2:10" ht="13.5" customHeight="1" x14ac:dyDescent="0.15">
      <c r="B72" s="234"/>
      <c r="C72" s="370"/>
      <c r="D72" s="551" t="s">
        <v>269</v>
      </c>
      <c r="E72" s="604">
        <v>30</v>
      </c>
      <c r="F72" s="605">
        <v>23</v>
      </c>
      <c r="G72" s="605">
        <v>26</v>
      </c>
      <c r="H72" s="606">
        <v>3</v>
      </c>
      <c r="I72" s="607">
        <v>0.87</v>
      </c>
      <c r="J72" s="608">
        <v>1.43</v>
      </c>
    </row>
    <row r="73" spans="2:10" ht="19.5" customHeight="1" x14ac:dyDescent="0.15">
      <c r="B73" s="234"/>
      <c r="C73" s="235" t="s">
        <v>395</v>
      </c>
      <c r="D73" s="235" t="s">
        <v>396</v>
      </c>
      <c r="E73" s="602">
        <v>15</v>
      </c>
      <c r="F73" s="603">
        <v>14</v>
      </c>
      <c r="G73" s="603">
        <v>16</v>
      </c>
      <c r="H73" s="384">
        <v>2</v>
      </c>
      <c r="I73" s="355">
        <v>1.07</v>
      </c>
      <c r="J73" s="274">
        <v>1.7</v>
      </c>
    </row>
    <row r="74" spans="2:10" x14ac:dyDescent="0.15">
      <c r="B74" s="234"/>
      <c r="C74" s="235" t="s">
        <v>146</v>
      </c>
      <c r="D74" s="235" t="s">
        <v>397</v>
      </c>
      <c r="E74" s="602">
        <v>15</v>
      </c>
      <c r="F74" s="603">
        <v>2</v>
      </c>
      <c r="G74" s="603">
        <v>4</v>
      </c>
      <c r="H74" s="384">
        <v>2</v>
      </c>
      <c r="I74" s="355">
        <v>0.27</v>
      </c>
      <c r="J74" s="274">
        <v>0.7</v>
      </c>
    </row>
    <row r="75" spans="2:10" x14ac:dyDescent="0.15">
      <c r="B75" s="234"/>
      <c r="D75" s="551" t="s">
        <v>269</v>
      </c>
      <c r="E75" s="604">
        <v>30</v>
      </c>
      <c r="F75" s="605">
        <v>16</v>
      </c>
      <c r="G75" s="605">
        <v>20</v>
      </c>
      <c r="H75" s="606">
        <v>4</v>
      </c>
      <c r="I75" s="607">
        <v>0.67</v>
      </c>
      <c r="J75" s="608">
        <v>1.2</v>
      </c>
    </row>
    <row r="76" spans="2:10" ht="21" customHeight="1" x14ac:dyDescent="0.15">
      <c r="B76" s="234"/>
      <c r="C76" s="303" t="s">
        <v>365</v>
      </c>
      <c r="D76" s="551"/>
      <c r="E76" s="604">
        <v>60</v>
      </c>
      <c r="F76" s="605">
        <v>39</v>
      </c>
      <c r="G76" s="605">
        <v>46</v>
      </c>
      <c r="H76" s="606">
        <v>7</v>
      </c>
      <c r="I76" s="607">
        <v>0.77</v>
      </c>
      <c r="J76" s="608">
        <v>1.29</v>
      </c>
    </row>
    <row r="77" spans="2:10" ht="21" customHeight="1" x14ac:dyDescent="0.15">
      <c r="B77" s="234"/>
      <c r="C77" s="235" t="s">
        <v>398</v>
      </c>
      <c r="D77" s="227" t="s">
        <v>399</v>
      </c>
      <c r="E77" s="602">
        <v>10</v>
      </c>
      <c r="F77" s="603">
        <v>16</v>
      </c>
      <c r="G77" s="603">
        <v>17</v>
      </c>
      <c r="H77" s="384">
        <v>1</v>
      </c>
      <c r="I77" s="355">
        <v>1.7</v>
      </c>
      <c r="J77" s="274">
        <v>1.7</v>
      </c>
    </row>
    <row r="78" spans="2:10" x14ac:dyDescent="0.15">
      <c r="B78" s="234"/>
      <c r="C78" s="235" t="s">
        <v>400</v>
      </c>
      <c r="D78" s="227" t="s">
        <v>401</v>
      </c>
      <c r="E78" s="602">
        <v>8</v>
      </c>
      <c r="F78" s="603">
        <v>3</v>
      </c>
      <c r="G78" s="603">
        <v>3</v>
      </c>
      <c r="H78" s="384">
        <v>0</v>
      </c>
      <c r="I78" s="355">
        <v>0.38</v>
      </c>
      <c r="J78" s="274">
        <v>0.88</v>
      </c>
    </row>
    <row r="79" spans="2:10" ht="21" customHeight="1" x14ac:dyDescent="0.15">
      <c r="B79" s="234"/>
      <c r="C79" s="303" t="s">
        <v>389</v>
      </c>
      <c r="D79" s="227"/>
      <c r="E79" s="604">
        <v>18</v>
      </c>
      <c r="F79" s="605">
        <v>19</v>
      </c>
      <c r="G79" s="605">
        <v>20</v>
      </c>
      <c r="H79" s="606">
        <v>1</v>
      </c>
      <c r="I79" s="607">
        <v>1.1100000000000001</v>
      </c>
      <c r="J79" s="608">
        <v>1.33</v>
      </c>
    </row>
    <row r="80" spans="2:10" ht="7.5" customHeight="1" x14ac:dyDescent="0.15">
      <c r="B80" s="234"/>
      <c r="C80" s="609"/>
      <c r="D80" s="609"/>
      <c r="E80" s="602"/>
      <c r="F80" s="603"/>
      <c r="G80" s="603"/>
      <c r="H80" s="384"/>
      <c r="I80" s="355"/>
      <c r="J80" s="300"/>
    </row>
    <row r="81" spans="2:10" ht="7.5" customHeight="1" x14ac:dyDescent="0.15">
      <c r="B81" s="240"/>
      <c r="C81" s="610"/>
      <c r="D81" s="610"/>
      <c r="E81" s="611"/>
      <c r="F81" s="612"/>
      <c r="G81" s="612"/>
      <c r="H81" s="613"/>
      <c r="I81" s="614"/>
      <c r="J81" s="623"/>
    </row>
    <row r="82" spans="2:10" x14ac:dyDescent="0.15">
      <c r="B82" s="234"/>
      <c r="C82" s="616" t="s">
        <v>138</v>
      </c>
      <c r="D82" s="617"/>
      <c r="E82" s="248">
        <v>78</v>
      </c>
      <c r="F82" s="605">
        <v>58</v>
      </c>
      <c r="G82" s="605">
        <v>66</v>
      </c>
      <c r="H82" s="606">
        <v>8</v>
      </c>
      <c r="I82" s="607">
        <v>0.85</v>
      </c>
      <c r="J82" s="608">
        <v>1.31</v>
      </c>
    </row>
    <row r="83" spans="2:10" ht="7.5" customHeight="1" x14ac:dyDescent="0.15">
      <c r="B83" s="252"/>
      <c r="C83" s="618"/>
      <c r="D83" s="618"/>
      <c r="E83" s="254"/>
      <c r="F83" s="619"/>
      <c r="G83" s="619"/>
      <c r="H83" s="619"/>
      <c r="I83" s="390"/>
      <c r="J83" s="257"/>
    </row>
    <row r="84" spans="2:10" x14ac:dyDescent="0.15">
      <c r="E84" s="209"/>
      <c r="F84" s="209"/>
      <c r="G84" s="209"/>
      <c r="H84" s="209"/>
      <c r="I84" s="355"/>
      <c r="J84" s="230"/>
    </row>
    <row r="85" spans="2:10" x14ac:dyDescent="0.15">
      <c r="B85" s="625"/>
      <c r="C85" s="625"/>
      <c r="D85" s="625"/>
      <c r="E85" s="625"/>
      <c r="F85" s="625"/>
      <c r="G85" s="625"/>
      <c r="H85" s="625"/>
      <c r="I85" s="625"/>
      <c r="J85" s="625"/>
    </row>
    <row r="86" spans="2:10" ht="14.25" customHeight="1" x14ac:dyDescent="0.15">
      <c r="B86" s="235" t="s">
        <v>402</v>
      </c>
      <c r="E86" s="209"/>
      <c r="I86" s="355"/>
      <c r="J86" s="230"/>
    </row>
    <row r="87" spans="2:10" ht="7.5" customHeight="1" x14ac:dyDescent="0.15">
      <c r="B87" s="356"/>
      <c r="C87" s="357"/>
      <c r="D87" s="357"/>
      <c r="E87" s="358"/>
      <c r="F87" s="359"/>
      <c r="G87" s="359"/>
      <c r="H87" s="359"/>
      <c r="I87" s="359"/>
      <c r="J87" s="331"/>
    </row>
    <row r="88" spans="2:10" ht="14.25" customHeight="1" x14ac:dyDescent="0.15">
      <c r="B88" s="234"/>
      <c r="E88" s="360"/>
      <c r="F88" s="596" t="s">
        <v>115</v>
      </c>
      <c r="G88" s="596" t="s">
        <v>351</v>
      </c>
      <c r="H88" s="597"/>
      <c r="I88" s="596" t="s">
        <v>351</v>
      </c>
      <c r="J88" s="26" t="s">
        <v>6</v>
      </c>
    </row>
    <row r="89" spans="2:10" ht="14.25" customHeight="1" x14ac:dyDescent="0.15">
      <c r="B89" s="234"/>
      <c r="C89" s="235" t="s">
        <v>7</v>
      </c>
      <c r="D89" s="235" t="s">
        <v>141</v>
      </c>
      <c r="E89" s="365" t="s">
        <v>8</v>
      </c>
      <c r="F89" s="369" t="s">
        <v>9</v>
      </c>
      <c r="G89" s="369" t="s">
        <v>9</v>
      </c>
      <c r="H89" s="367" t="s">
        <v>353</v>
      </c>
      <c r="I89" s="369" t="s">
        <v>11</v>
      </c>
      <c r="J89" s="26"/>
    </row>
    <row r="90" spans="2:10" ht="14.25" customHeight="1" x14ac:dyDescent="0.15">
      <c r="B90" s="234"/>
      <c r="C90" s="370"/>
      <c r="D90" s="598"/>
      <c r="E90" s="372" t="s">
        <v>354</v>
      </c>
      <c r="F90" s="599" t="s">
        <v>14</v>
      </c>
      <c r="G90" s="599" t="s">
        <v>15</v>
      </c>
      <c r="H90" s="371"/>
      <c r="I90" s="369" t="s">
        <v>16</v>
      </c>
      <c r="J90" s="26"/>
    </row>
    <row r="91" spans="2:10" ht="7.5" customHeight="1" x14ac:dyDescent="0.15">
      <c r="B91" s="252"/>
      <c r="C91" s="374"/>
      <c r="D91" s="600"/>
      <c r="E91" s="375"/>
      <c r="F91" s="377"/>
      <c r="G91" s="377"/>
      <c r="H91" s="377"/>
      <c r="I91" s="381"/>
      <c r="J91" s="601"/>
    </row>
    <row r="92" spans="2:10" ht="7.5" customHeight="1" x14ac:dyDescent="0.15">
      <c r="B92" s="356"/>
      <c r="C92" s="370"/>
      <c r="D92" s="370"/>
      <c r="E92" s="382"/>
      <c r="F92" s="370"/>
      <c r="G92" s="370"/>
      <c r="H92" s="370"/>
      <c r="I92" s="370"/>
      <c r="J92" s="332"/>
    </row>
    <row r="93" spans="2:10" ht="12.75" customHeight="1" x14ac:dyDescent="0.15">
      <c r="B93" s="234"/>
      <c r="C93" s="624" t="s">
        <v>403</v>
      </c>
      <c r="D93" s="624" t="s">
        <v>359</v>
      </c>
      <c r="E93" s="602">
        <v>21</v>
      </c>
      <c r="F93" s="603">
        <v>20</v>
      </c>
      <c r="G93" s="603">
        <v>20</v>
      </c>
      <c r="H93" s="384">
        <v>0</v>
      </c>
      <c r="I93" s="355">
        <v>0.95</v>
      </c>
      <c r="J93" s="274">
        <v>1</v>
      </c>
    </row>
    <row r="94" spans="2:10" ht="12.95" customHeight="1" x14ac:dyDescent="0.15">
      <c r="B94" s="234"/>
      <c r="C94" s="624" t="s">
        <v>404</v>
      </c>
      <c r="D94" s="624" t="s">
        <v>308</v>
      </c>
      <c r="E94" s="602">
        <v>21</v>
      </c>
      <c r="F94" s="603">
        <v>20</v>
      </c>
      <c r="G94" s="603">
        <v>20</v>
      </c>
      <c r="H94" s="384">
        <v>0</v>
      </c>
      <c r="I94" s="355">
        <v>0.95</v>
      </c>
      <c r="J94" s="274">
        <v>0.71</v>
      </c>
    </row>
    <row r="95" spans="2:10" ht="12.95" customHeight="1" x14ac:dyDescent="0.15">
      <c r="B95" s="234"/>
      <c r="C95" s="624" t="s">
        <v>405</v>
      </c>
      <c r="D95" s="624" t="s">
        <v>308</v>
      </c>
      <c r="E95" s="602">
        <v>21</v>
      </c>
      <c r="F95" s="603">
        <v>15</v>
      </c>
      <c r="G95" s="603">
        <v>15</v>
      </c>
      <c r="H95" s="384">
        <v>0</v>
      </c>
      <c r="I95" s="355">
        <v>0.71</v>
      </c>
      <c r="J95" s="274">
        <v>0.38</v>
      </c>
    </row>
    <row r="96" spans="2:10" ht="12.95" customHeight="1" x14ac:dyDescent="0.15">
      <c r="B96" s="234"/>
      <c r="C96" s="624" t="s">
        <v>406</v>
      </c>
      <c r="D96" s="624" t="s">
        <v>359</v>
      </c>
      <c r="E96" s="602">
        <v>21</v>
      </c>
      <c r="F96" s="603">
        <v>13</v>
      </c>
      <c r="G96" s="603">
        <v>13</v>
      </c>
      <c r="H96" s="384">
        <v>0</v>
      </c>
      <c r="I96" s="355">
        <v>0.62</v>
      </c>
      <c r="J96" s="274">
        <v>0.43</v>
      </c>
    </row>
    <row r="97" spans="2:10" ht="12.95" customHeight="1" x14ac:dyDescent="0.15">
      <c r="B97" s="234"/>
      <c r="C97" s="624" t="s">
        <v>407</v>
      </c>
      <c r="D97" s="624" t="s">
        <v>359</v>
      </c>
      <c r="E97" s="602">
        <v>21</v>
      </c>
      <c r="F97" s="603">
        <v>16</v>
      </c>
      <c r="G97" s="603">
        <v>16</v>
      </c>
      <c r="H97" s="384">
        <v>0</v>
      </c>
      <c r="I97" s="355">
        <v>0.76</v>
      </c>
      <c r="J97" s="274">
        <v>0.43</v>
      </c>
    </row>
    <row r="98" spans="2:10" ht="12.95" customHeight="1" x14ac:dyDescent="0.15">
      <c r="B98" s="234"/>
      <c r="C98" s="624" t="s">
        <v>408</v>
      </c>
      <c r="D98" s="624" t="s">
        <v>359</v>
      </c>
      <c r="E98" s="602">
        <v>21</v>
      </c>
      <c r="F98" s="603">
        <v>19</v>
      </c>
      <c r="G98" s="603">
        <v>19</v>
      </c>
      <c r="H98" s="384">
        <v>0</v>
      </c>
      <c r="I98" s="355">
        <v>0.9</v>
      </c>
      <c r="J98" s="274">
        <v>0.56999999999999995</v>
      </c>
    </row>
    <row r="99" spans="2:10" ht="12.95" customHeight="1" x14ac:dyDescent="0.15">
      <c r="B99" s="234"/>
      <c r="C99" s="624" t="s">
        <v>409</v>
      </c>
      <c r="D99" s="624" t="s">
        <v>359</v>
      </c>
      <c r="E99" s="602">
        <v>21</v>
      </c>
      <c r="F99" s="603">
        <v>19</v>
      </c>
      <c r="G99" s="603">
        <v>19</v>
      </c>
      <c r="H99" s="384">
        <v>0</v>
      </c>
      <c r="I99" s="355">
        <v>0.9</v>
      </c>
      <c r="J99" s="274">
        <v>0.71</v>
      </c>
    </row>
    <row r="100" spans="2:10" ht="12.95" customHeight="1" x14ac:dyDescent="0.15">
      <c r="B100" s="234"/>
      <c r="C100" s="624" t="s">
        <v>410</v>
      </c>
      <c r="D100" s="624" t="s">
        <v>359</v>
      </c>
      <c r="E100" s="602">
        <v>21</v>
      </c>
      <c r="F100" s="603">
        <v>7</v>
      </c>
      <c r="G100" s="603">
        <v>7</v>
      </c>
      <c r="H100" s="384">
        <v>0</v>
      </c>
      <c r="I100" s="355">
        <v>0.33</v>
      </c>
      <c r="J100" s="274">
        <v>0.48</v>
      </c>
    </row>
    <row r="101" spans="2:10" ht="12.95" customHeight="1" x14ac:dyDescent="0.15">
      <c r="B101" s="234"/>
      <c r="C101" s="624" t="s">
        <v>411</v>
      </c>
      <c r="D101" s="624" t="s">
        <v>359</v>
      </c>
      <c r="E101" s="602">
        <v>21</v>
      </c>
      <c r="F101" s="603">
        <v>30</v>
      </c>
      <c r="G101" s="603">
        <v>29</v>
      </c>
      <c r="H101" s="384">
        <v>-1</v>
      </c>
      <c r="I101" s="355">
        <v>1.38</v>
      </c>
      <c r="J101" s="274">
        <v>0.76</v>
      </c>
    </row>
    <row r="102" spans="2:10" ht="12.95" customHeight="1" x14ac:dyDescent="0.15">
      <c r="B102" s="234"/>
      <c r="C102" s="624" t="s">
        <v>412</v>
      </c>
      <c r="D102" s="624" t="s">
        <v>359</v>
      </c>
      <c r="E102" s="602">
        <v>21</v>
      </c>
      <c r="F102" s="603">
        <v>5</v>
      </c>
      <c r="G102" s="603">
        <v>5</v>
      </c>
      <c r="H102" s="384">
        <v>0</v>
      </c>
      <c r="I102" s="355">
        <v>0.24</v>
      </c>
      <c r="J102" s="274">
        <v>0.33</v>
      </c>
    </row>
    <row r="103" spans="2:10" ht="12.95" customHeight="1" x14ac:dyDescent="0.15">
      <c r="B103" s="234"/>
      <c r="C103" s="624" t="s">
        <v>413</v>
      </c>
      <c r="D103" s="624" t="s">
        <v>359</v>
      </c>
      <c r="E103" s="602">
        <v>21</v>
      </c>
      <c r="F103" s="603">
        <v>10</v>
      </c>
      <c r="G103" s="603">
        <v>10</v>
      </c>
      <c r="H103" s="384">
        <v>0</v>
      </c>
      <c r="I103" s="355">
        <v>0.48</v>
      </c>
      <c r="J103" s="274">
        <v>0.62</v>
      </c>
    </row>
    <row r="104" spans="2:10" ht="12.95" customHeight="1" x14ac:dyDescent="0.15">
      <c r="B104" s="234"/>
      <c r="C104" s="624" t="s">
        <v>414</v>
      </c>
      <c r="D104" s="624" t="s">
        <v>359</v>
      </c>
      <c r="E104" s="602">
        <v>21</v>
      </c>
      <c r="F104" s="603">
        <v>20</v>
      </c>
      <c r="G104" s="603">
        <v>20</v>
      </c>
      <c r="H104" s="384">
        <v>0</v>
      </c>
      <c r="I104" s="355">
        <v>0.95</v>
      </c>
      <c r="J104" s="274">
        <v>1.05</v>
      </c>
    </row>
    <row r="105" spans="2:10" ht="12.95" customHeight="1" x14ac:dyDescent="0.15">
      <c r="B105" s="234"/>
      <c r="C105" s="624" t="s">
        <v>415</v>
      </c>
      <c r="D105" s="624" t="s">
        <v>359</v>
      </c>
      <c r="E105" s="602">
        <v>21</v>
      </c>
      <c r="F105" s="603">
        <v>8</v>
      </c>
      <c r="G105" s="603">
        <v>8</v>
      </c>
      <c r="H105" s="384">
        <v>0</v>
      </c>
      <c r="I105" s="355">
        <v>0.38</v>
      </c>
      <c r="J105" s="274">
        <v>0.48</v>
      </c>
    </row>
    <row r="106" spans="2:10" ht="12.95" customHeight="1" x14ac:dyDescent="0.15">
      <c r="B106" s="234"/>
      <c r="C106" s="624" t="s">
        <v>416</v>
      </c>
      <c r="D106" s="624" t="s">
        <v>359</v>
      </c>
      <c r="E106" s="602">
        <v>21</v>
      </c>
      <c r="F106" s="603">
        <v>13</v>
      </c>
      <c r="G106" s="603">
        <v>14</v>
      </c>
      <c r="H106" s="384">
        <v>1</v>
      </c>
      <c r="I106" s="355">
        <v>0.67</v>
      </c>
      <c r="J106" s="274">
        <v>0.9</v>
      </c>
    </row>
    <row r="107" spans="2:10" ht="12.95" customHeight="1" x14ac:dyDescent="0.15">
      <c r="B107" s="234"/>
      <c r="C107" s="624" t="s">
        <v>417</v>
      </c>
      <c r="D107" s="624" t="s">
        <v>359</v>
      </c>
      <c r="E107" s="602">
        <v>21</v>
      </c>
      <c r="F107" s="603">
        <v>18</v>
      </c>
      <c r="G107" s="603">
        <v>18</v>
      </c>
      <c r="H107" s="384">
        <v>0</v>
      </c>
      <c r="I107" s="355">
        <v>0.86</v>
      </c>
      <c r="J107" s="274">
        <v>0.76</v>
      </c>
    </row>
    <row r="108" spans="2:10" ht="12.95" customHeight="1" x14ac:dyDescent="0.15">
      <c r="B108" s="234"/>
      <c r="C108" s="624" t="s">
        <v>418</v>
      </c>
      <c r="D108" s="624" t="s">
        <v>359</v>
      </c>
      <c r="E108" s="602">
        <v>21</v>
      </c>
      <c r="F108" s="603">
        <v>13</v>
      </c>
      <c r="G108" s="603">
        <v>13</v>
      </c>
      <c r="H108" s="384">
        <v>0</v>
      </c>
      <c r="I108" s="355">
        <v>0.62</v>
      </c>
      <c r="J108" s="274">
        <v>0.86</v>
      </c>
    </row>
    <row r="109" spans="2:10" ht="12.95" customHeight="1" x14ac:dyDescent="0.15">
      <c r="B109" s="234"/>
      <c r="C109" s="624" t="s">
        <v>419</v>
      </c>
      <c r="D109" s="624" t="s">
        <v>359</v>
      </c>
      <c r="E109" s="602">
        <v>21</v>
      </c>
      <c r="F109" s="603">
        <v>9</v>
      </c>
      <c r="G109" s="603">
        <v>9</v>
      </c>
      <c r="H109" s="384">
        <v>0</v>
      </c>
      <c r="I109" s="355">
        <v>0.43</v>
      </c>
      <c r="J109" s="274">
        <v>0.52</v>
      </c>
    </row>
    <row r="110" spans="2:10" x14ac:dyDescent="0.15">
      <c r="B110" s="234"/>
      <c r="C110" s="624" t="s">
        <v>420</v>
      </c>
      <c r="D110" s="624" t="s">
        <v>359</v>
      </c>
      <c r="E110" s="602">
        <v>21</v>
      </c>
      <c r="F110" s="603">
        <v>9</v>
      </c>
      <c r="G110" s="603">
        <v>9</v>
      </c>
      <c r="H110" s="384">
        <v>0</v>
      </c>
      <c r="I110" s="355">
        <v>0.43</v>
      </c>
      <c r="J110" s="274">
        <v>0.71</v>
      </c>
    </row>
    <row r="111" spans="2:10" ht="7.5" customHeight="1" x14ac:dyDescent="0.15">
      <c r="B111" s="626"/>
      <c r="C111" s="627"/>
      <c r="D111" s="627"/>
      <c r="E111" s="628"/>
      <c r="F111" s="629"/>
      <c r="G111" s="629"/>
      <c r="H111" s="630"/>
      <c r="I111" s="631"/>
      <c r="J111" s="299"/>
    </row>
    <row r="112" spans="2:10" ht="7.5" customHeight="1" x14ac:dyDescent="0.15">
      <c r="B112" s="234"/>
      <c r="C112" s="609"/>
      <c r="D112" s="609"/>
      <c r="E112" s="602"/>
      <c r="F112" s="603"/>
      <c r="G112" s="603"/>
      <c r="H112" s="384"/>
      <c r="I112" s="355"/>
      <c r="J112" s="300"/>
    </row>
    <row r="113" spans="2:10" x14ac:dyDescent="0.15">
      <c r="B113" s="234"/>
      <c r="C113" s="616" t="s">
        <v>138</v>
      </c>
      <c r="D113" s="617"/>
      <c r="E113" s="604">
        <v>378</v>
      </c>
      <c r="F113" s="605">
        <v>264</v>
      </c>
      <c r="G113" s="605">
        <v>264</v>
      </c>
      <c r="H113" s="606">
        <v>0</v>
      </c>
      <c r="I113" s="607">
        <v>0.7</v>
      </c>
      <c r="J113" s="608">
        <v>0.65</v>
      </c>
    </row>
    <row r="114" spans="2:10" ht="7.5" customHeight="1" x14ac:dyDescent="0.15">
      <c r="B114" s="252"/>
      <c r="C114" s="618"/>
      <c r="D114" s="618"/>
      <c r="E114" s="254"/>
      <c r="F114" s="619"/>
      <c r="G114" s="619"/>
      <c r="H114" s="619"/>
      <c r="I114" s="390"/>
      <c r="J114" s="257"/>
    </row>
    <row r="115" spans="2:10" x14ac:dyDescent="0.15">
      <c r="E115" s="209"/>
      <c r="F115" s="209"/>
      <c r="G115" s="209"/>
      <c r="H115" s="209"/>
      <c r="I115" s="355"/>
      <c r="J115" s="230"/>
    </row>
    <row r="116" spans="2:10" x14ac:dyDescent="0.15">
      <c r="B116" s="625"/>
      <c r="C116" s="625"/>
      <c r="D116" s="625"/>
      <c r="E116" s="625"/>
      <c r="F116" s="625"/>
      <c r="G116" s="625"/>
      <c r="H116" s="625"/>
      <c r="I116" s="625"/>
      <c r="J116" s="625"/>
    </row>
    <row r="117" spans="2:10" ht="14.25" customHeight="1" x14ac:dyDescent="0.15">
      <c r="B117" s="235" t="s">
        <v>421</v>
      </c>
      <c r="E117" s="209"/>
      <c r="I117" s="355"/>
      <c r="J117" s="230"/>
    </row>
    <row r="118" spans="2:10" ht="7.5" customHeight="1" x14ac:dyDescent="0.15">
      <c r="B118" s="356"/>
      <c r="C118" s="357"/>
      <c r="D118" s="357"/>
      <c r="E118" s="358"/>
      <c r="F118" s="359"/>
      <c r="G118" s="359"/>
      <c r="H118" s="359"/>
      <c r="I118" s="359"/>
      <c r="J118" s="331"/>
    </row>
    <row r="119" spans="2:10" ht="14.25" customHeight="1" x14ac:dyDescent="0.15">
      <c r="B119" s="234"/>
      <c r="E119" s="360"/>
      <c r="F119" s="596" t="s">
        <v>115</v>
      </c>
      <c r="G119" s="596" t="s">
        <v>351</v>
      </c>
      <c r="H119" s="597"/>
      <c r="I119" s="596" t="s">
        <v>351</v>
      </c>
      <c r="J119" s="26" t="s">
        <v>6</v>
      </c>
    </row>
    <row r="120" spans="2:10" ht="14.25" customHeight="1" x14ac:dyDescent="0.15">
      <c r="B120" s="234"/>
      <c r="C120" s="235" t="s">
        <v>7</v>
      </c>
      <c r="D120" s="235" t="s">
        <v>249</v>
      </c>
      <c r="E120" s="365" t="s">
        <v>8</v>
      </c>
      <c r="F120" s="369" t="s">
        <v>9</v>
      </c>
      <c r="G120" s="369" t="s">
        <v>9</v>
      </c>
      <c r="H120" s="367" t="s">
        <v>353</v>
      </c>
      <c r="I120" s="369" t="s">
        <v>11</v>
      </c>
      <c r="J120" s="26"/>
    </row>
    <row r="121" spans="2:10" ht="14.25" customHeight="1" x14ac:dyDescent="0.15">
      <c r="B121" s="234"/>
      <c r="C121" s="370"/>
      <c r="D121" s="598"/>
      <c r="E121" s="372" t="s">
        <v>354</v>
      </c>
      <c r="F121" s="599" t="s">
        <v>14</v>
      </c>
      <c r="G121" s="599" t="s">
        <v>15</v>
      </c>
      <c r="H121" s="371"/>
      <c r="I121" s="369" t="s">
        <v>16</v>
      </c>
      <c r="J121" s="26"/>
    </row>
    <row r="122" spans="2:10" ht="7.5" customHeight="1" x14ac:dyDescent="0.15">
      <c r="B122" s="252"/>
      <c r="C122" s="374"/>
      <c r="D122" s="600"/>
      <c r="E122" s="375"/>
      <c r="F122" s="377"/>
      <c r="G122" s="377"/>
      <c r="H122" s="377"/>
      <c r="I122" s="381"/>
      <c r="J122" s="601"/>
    </row>
    <row r="123" spans="2:10" ht="7.5" customHeight="1" x14ac:dyDescent="0.15">
      <c r="B123" s="356"/>
      <c r="C123" s="370"/>
      <c r="D123" s="370"/>
      <c r="E123" s="382"/>
      <c r="F123" s="370"/>
      <c r="G123" s="370"/>
      <c r="H123" s="370"/>
      <c r="I123" s="370"/>
      <c r="J123" s="332"/>
    </row>
    <row r="124" spans="2:10" x14ac:dyDescent="0.15">
      <c r="B124" s="234"/>
      <c r="C124" s="235" t="s">
        <v>422</v>
      </c>
      <c r="D124" s="235" t="s">
        <v>423</v>
      </c>
      <c r="E124" s="602">
        <v>10</v>
      </c>
      <c r="F124" s="603">
        <v>0</v>
      </c>
      <c r="G124" s="603">
        <v>0</v>
      </c>
      <c r="H124" s="384">
        <v>0</v>
      </c>
      <c r="I124" s="355">
        <v>0</v>
      </c>
      <c r="J124" s="274">
        <v>0</v>
      </c>
    </row>
    <row r="125" spans="2:10" x14ac:dyDescent="0.15">
      <c r="B125" s="234"/>
      <c r="C125" s="235" t="s">
        <v>376</v>
      </c>
      <c r="D125" s="235" t="s">
        <v>423</v>
      </c>
      <c r="E125" s="602">
        <v>5</v>
      </c>
      <c r="F125" s="603">
        <v>2</v>
      </c>
      <c r="G125" s="603">
        <v>2</v>
      </c>
      <c r="H125" s="384">
        <v>0</v>
      </c>
      <c r="I125" s="355">
        <v>0.4</v>
      </c>
      <c r="J125" s="274">
        <v>0.2</v>
      </c>
    </row>
    <row r="126" spans="2:10" x14ac:dyDescent="0.15">
      <c r="B126" s="234"/>
      <c r="C126" s="235" t="s">
        <v>424</v>
      </c>
      <c r="D126" s="235" t="s">
        <v>371</v>
      </c>
      <c r="E126" s="602">
        <v>10</v>
      </c>
      <c r="F126" s="603">
        <v>0</v>
      </c>
      <c r="G126" s="603">
        <v>0</v>
      </c>
      <c r="H126" s="384">
        <v>0</v>
      </c>
      <c r="I126" s="355">
        <v>0</v>
      </c>
      <c r="J126" s="274">
        <v>0</v>
      </c>
    </row>
    <row r="127" spans="2:10" ht="7.5" customHeight="1" x14ac:dyDescent="0.15">
      <c r="B127" s="234"/>
      <c r="C127" s="609"/>
      <c r="D127" s="609"/>
      <c r="E127" s="602"/>
      <c r="F127" s="603"/>
      <c r="G127" s="603"/>
      <c r="H127" s="384"/>
      <c r="I127" s="355"/>
      <c r="J127" s="300"/>
    </row>
    <row r="128" spans="2:10" ht="7.5" customHeight="1" x14ac:dyDescent="0.15">
      <c r="B128" s="240"/>
      <c r="C128" s="610"/>
      <c r="D128" s="610"/>
      <c r="E128" s="611"/>
      <c r="F128" s="612"/>
      <c r="G128" s="612"/>
      <c r="H128" s="613"/>
      <c r="I128" s="614"/>
      <c r="J128" s="623"/>
    </row>
    <row r="129" spans="1:10" x14ac:dyDescent="0.15">
      <c r="B129" s="234"/>
      <c r="C129" s="616" t="s">
        <v>138</v>
      </c>
      <c r="D129" s="617"/>
      <c r="E129" s="604">
        <v>25</v>
      </c>
      <c r="F129" s="605">
        <v>2</v>
      </c>
      <c r="G129" s="605">
        <v>2</v>
      </c>
      <c r="H129" s="606">
        <v>0</v>
      </c>
      <c r="I129" s="607">
        <v>0.08</v>
      </c>
      <c r="J129" s="608">
        <v>0.03</v>
      </c>
    </row>
    <row r="130" spans="1:10" ht="7.5" customHeight="1" x14ac:dyDescent="0.15">
      <c r="B130" s="252"/>
      <c r="C130" s="618"/>
      <c r="D130" s="618"/>
      <c r="E130" s="254"/>
      <c r="F130" s="619"/>
      <c r="G130" s="619"/>
      <c r="H130" s="619"/>
      <c r="I130" s="390"/>
      <c r="J130" s="257"/>
    </row>
    <row r="131" spans="1:10" ht="13.5" customHeight="1" x14ac:dyDescent="0.15">
      <c r="B131" s="632"/>
      <c r="C131" s="632"/>
      <c r="D131" s="632"/>
      <c r="E131" s="632"/>
      <c r="F131" s="632"/>
      <c r="G131" s="632"/>
      <c r="H131" s="632"/>
      <c r="I131" s="632"/>
      <c r="J131" s="632"/>
    </row>
    <row r="133" spans="1:10" s="589" customFormat="1" ht="14.25" x14ac:dyDescent="0.15">
      <c r="A133" s="588" t="s">
        <v>425</v>
      </c>
      <c r="C133" s="590"/>
      <c r="E133" s="591"/>
      <c r="I133" s="592"/>
      <c r="J133" s="593"/>
    </row>
    <row r="134" spans="1:10" s="589" customFormat="1" ht="17.25" x14ac:dyDescent="0.2">
      <c r="B134" s="594"/>
      <c r="C134" s="590"/>
      <c r="E134" s="591"/>
      <c r="I134" s="592"/>
      <c r="J134" s="593"/>
    </row>
    <row r="135" spans="1:10" ht="14.25" customHeight="1" x14ac:dyDescent="0.15">
      <c r="B135" s="235" t="s">
        <v>426</v>
      </c>
      <c r="E135" s="209"/>
      <c r="I135" s="355"/>
      <c r="J135" s="230"/>
    </row>
    <row r="136" spans="1:10" ht="7.5" customHeight="1" x14ac:dyDescent="0.15">
      <c r="B136" s="356"/>
      <c r="C136" s="357"/>
      <c r="D136" s="357"/>
      <c r="E136" s="358"/>
      <c r="F136" s="359"/>
      <c r="G136" s="359"/>
      <c r="H136" s="359"/>
      <c r="I136" s="359"/>
      <c r="J136" s="331"/>
    </row>
    <row r="137" spans="1:10" ht="15.75" customHeight="1" x14ac:dyDescent="0.15">
      <c r="B137" s="234"/>
      <c r="E137" s="633"/>
      <c r="F137" s="634"/>
      <c r="G137" s="635" t="s">
        <v>351</v>
      </c>
      <c r="H137" s="634"/>
      <c r="I137" s="596" t="s">
        <v>351</v>
      </c>
      <c r="J137" s="26" t="s">
        <v>6</v>
      </c>
    </row>
    <row r="138" spans="1:10" ht="14.25" customHeight="1" x14ac:dyDescent="0.15">
      <c r="B138" s="234"/>
      <c r="C138" s="235" t="s">
        <v>7</v>
      </c>
      <c r="D138" s="235" t="s">
        <v>249</v>
      </c>
      <c r="E138" s="636" t="s">
        <v>8</v>
      </c>
      <c r="F138" s="373"/>
      <c r="G138" s="371" t="s">
        <v>9</v>
      </c>
      <c r="H138" s="373"/>
      <c r="I138" s="599" t="s">
        <v>11</v>
      </c>
      <c r="J138" s="26"/>
    </row>
    <row r="139" spans="1:10" ht="14.25" customHeight="1" x14ac:dyDescent="0.15">
      <c r="B139" s="234"/>
      <c r="C139" s="370"/>
      <c r="D139" s="598"/>
      <c r="E139" s="371" t="s">
        <v>354</v>
      </c>
      <c r="F139" s="373"/>
      <c r="G139" s="371" t="s">
        <v>14</v>
      </c>
      <c r="H139" s="373"/>
      <c r="I139" s="599" t="s">
        <v>427</v>
      </c>
      <c r="J139" s="26"/>
    </row>
    <row r="140" spans="1:10" ht="7.5" customHeight="1" x14ac:dyDescent="0.15">
      <c r="B140" s="252"/>
      <c r="C140" s="374"/>
      <c r="D140" s="600"/>
      <c r="E140" s="637"/>
      <c r="F140" s="638"/>
      <c r="G140" s="639"/>
      <c r="H140" s="638"/>
      <c r="I140" s="377"/>
      <c r="J140" s="601"/>
    </row>
    <row r="141" spans="1:10" ht="7.5" customHeight="1" x14ac:dyDescent="0.15">
      <c r="B141" s="356"/>
      <c r="C141" s="359"/>
      <c r="D141" s="359"/>
      <c r="E141" s="640"/>
      <c r="F141" s="641"/>
      <c r="G141" s="641"/>
      <c r="H141" s="641"/>
      <c r="I141" s="359"/>
      <c r="J141" s="332"/>
    </row>
    <row r="142" spans="1:10" ht="14.25" customHeight="1" x14ac:dyDescent="0.15">
      <c r="B142" s="234"/>
      <c r="C142" s="235" t="s">
        <v>217</v>
      </c>
      <c r="D142" s="235" t="s">
        <v>428</v>
      </c>
      <c r="E142" s="642"/>
      <c r="F142" s="209">
        <v>40</v>
      </c>
      <c r="H142" s="643">
        <v>24</v>
      </c>
      <c r="I142" s="355">
        <v>0.6</v>
      </c>
      <c r="J142" s="274">
        <v>0.93</v>
      </c>
    </row>
    <row r="143" spans="1:10" ht="14.25" customHeight="1" x14ac:dyDescent="0.15">
      <c r="B143" s="234"/>
      <c r="C143" s="235" t="s">
        <v>146</v>
      </c>
      <c r="D143" s="235" t="s">
        <v>429</v>
      </c>
      <c r="E143" s="642"/>
      <c r="F143" s="209">
        <v>40</v>
      </c>
      <c r="H143" s="643">
        <v>47</v>
      </c>
      <c r="I143" s="355">
        <v>1.18</v>
      </c>
      <c r="J143" s="274">
        <v>0.75</v>
      </c>
    </row>
    <row r="144" spans="1:10" x14ac:dyDescent="0.15">
      <c r="B144" s="234"/>
      <c r="D144" s="551" t="s">
        <v>269</v>
      </c>
      <c r="E144" s="604"/>
      <c r="F144" s="605">
        <v>80</v>
      </c>
      <c r="G144" s="605"/>
      <c r="H144" s="606">
        <v>71</v>
      </c>
      <c r="I144" s="607">
        <v>0.89</v>
      </c>
      <c r="J144" s="644">
        <v>0.84</v>
      </c>
    </row>
    <row r="145" spans="2:10" ht="7.5" customHeight="1" x14ac:dyDescent="0.15">
      <c r="B145" s="252"/>
      <c r="C145" s="618"/>
      <c r="D145" s="618"/>
      <c r="E145" s="645"/>
      <c r="F145" s="646"/>
      <c r="G145" s="646"/>
      <c r="H145" s="646"/>
      <c r="I145" s="390"/>
      <c r="J145" s="257"/>
    </row>
    <row r="146" spans="2:10" x14ac:dyDescent="0.15">
      <c r="G146" s="647"/>
      <c r="H146" s="647"/>
    </row>
  </sheetData>
  <mergeCells count="14">
    <mergeCell ref="J119:J121"/>
    <mergeCell ref="C129:D129"/>
    <mergeCell ref="J137:J139"/>
    <mergeCell ref="C60:D60"/>
    <mergeCell ref="B62:J62"/>
    <mergeCell ref="J65:J67"/>
    <mergeCell ref="C82:D82"/>
    <mergeCell ref="J88:J90"/>
    <mergeCell ref="C113:D113"/>
    <mergeCell ref="J6:J8"/>
    <mergeCell ref="C24:D24"/>
    <mergeCell ref="B26:J26"/>
    <mergeCell ref="B27:J27"/>
    <mergeCell ref="J31:J33"/>
  </mergeCells>
  <phoneticPr fontId="3"/>
  <pageMargins left="0.78740157480314965" right="0.78740157480314965" top="0.78740157480314965" bottom="0.70866141732283472" header="0.35433070866141736" footer="0.39370078740157483"/>
  <pageSetup paperSize="9" scale="75" firstPageNumber="13" fitToHeight="0" orientation="portrait" useFirstPageNumber="1" r:id="rId1"/>
  <headerFooter alignWithMargins="0">
    <oddFooter>&amp;C&amp;"ＭＳ ゴシック,標準"&amp;P</oddFooter>
  </headerFooter>
  <rowBreaks count="1" manualBreakCount="1">
    <brk id="62"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6</vt:i4>
      </vt:variant>
    </vt:vector>
  </HeadingPairs>
  <TitlesOfParts>
    <vt:vector size="11" baseType="lpstr">
      <vt:lpstr>普通科・クリエイティブ</vt:lpstr>
      <vt:lpstr>専門学科</vt:lpstr>
      <vt:lpstr>単位制</vt:lpstr>
      <vt:lpstr>定・通</vt:lpstr>
      <vt:lpstr>特別募集等</vt:lpstr>
      <vt:lpstr>専門学科!Print_Area</vt:lpstr>
      <vt:lpstr>単位制!Print_Area</vt:lpstr>
      <vt:lpstr>定・通!Print_Area</vt:lpstr>
      <vt:lpstr>特別募集等!Print_Area</vt:lpstr>
      <vt:lpstr>普通科・クリエイティブ!Print_Area</vt:lpstr>
      <vt:lpstr>普通科・クリエイティブ!Print_Titles</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dcterms:created xsi:type="dcterms:W3CDTF">2026-02-09T08:07:17Z</dcterms:created>
  <dcterms:modified xsi:type="dcterms:W3CDTF">2026-02-09T08:11:29Z</dcterms:modified>
</cp:coreProperties>
</file>